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104-2024 Pracovná obuv\03. Príprava\06. PTK\01. Odoslané\"/>
    </mc:Choice>
  </mc:AlternateContent>
  <bookViews>
    <workbookView xWindow="-120" yWindow="-120" windowWidth="25440" windowHeight="15390"/>
  </bookViews>
  <sheets>
    <sheet name="PTK - Ponuka" sheetId="8" r:id="rId1"/>
  </sheets>
  <definedNames>
    <definedName name="_xlnm.Print_Area" localSheetId="0">'PTK - Ponuka'!$A$1:$F$156</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241" uniqueCount="141">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t>5.</t>
  </si>
  <si>
    <t>6.</t>
  </si>
  <si>
    <t>7.</t>
  </si>
  <si>
    <t>8.</t>
  </si>
  <si>
    <t>9.</t>
  </si>
  <si>
    <t>10.</t>
  </si>
  <si>
    <t>11.</t>
  </si>
  <si>
    <t>Kalkulácia ceny - Štruktúrovaný rozpočet ceny predmetu zákazky</t>
  </si>
  <si>
    <t>60000000-8 Dopravné služby (bez prepravy odpadu)</t>
  </si>
  <si>
    <t>Položka č. 2</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t xml:space="preserve">Požadované množstvo MJ za zmluvné obdobie </t>
  </si>
  <si>
    <t>12.</t>
  </si>
  <si>
    <t>13.</t>
  </si>
  <si>
    <t>14.</t>
  </si>
  <si>
    <t>15.</t>
  </si>
  <si>
    <t>16.</t>
  </si>
  <si>
    <t>17.</t>
  </si>
  <si>
    <t>18.</t>
  </si>
  <si>
    <t>19.</t>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Pracovná obuv</t>
  </si>
  <si>
    <t>18813000-1 Obuv s koženým zvrškom</t>
  </si>
  <si>
    <t>Položka č. 3</t>
  </si>
  <si>
    <t>pár</t>
  </si>
  <si>
    <t>Pracovná obuv pre zdravotnícky personál (certifikovaná) - LEKÁRI</t>
  </si>
  <si>
    <t>Pracovná obuv pre zdravotnícky personál (certifikovaná) - STREDNÝ ZDRAVOTNÍCKY PERSONÁL</t>
  </si>
  <si>
    <t>Pracovná obuv pre nezdravotnícky personál (certifikovaná) - NEZDRAVOTNÍCKI ZAMESTNANCI</t>
  </si>
  <si>
    <t>Položka č. 1 - Pracovná obuv pre zdravotnícky personál (certifikovaná) - LEKÁRI</t>
  </si>
  <si>
    <t>kožená</t>
  </si>
  <si>
    <t>obuv vyrobená z usňových prírodných materiálov</t>
  </si>
  <si>
    <t>ľahká</t>
  </si>
  <si>
    <t>ortopedická</t>
  </si>
  <si>
    <t>perforovaný zvršok</t>
  </si>
  <si>
    <t>antistatická obuv</t>
  </si>
  <si>
    <t>anatomický tvarovaná</t>
  </si>
  <si>
    <t>plná špička</t>
  </si>
  <si>
    <t>otvorená päta</t>
  </si>
  <si>
    <t>fixácia päty formou remienka, nastaviteľný remienok, otočný remienok na priehlavok alebo na pätu</t>
  </si>
  <si>
    <t>obuv zabraňujúca vzniku plochých nôh</t>
  </si>
  <si>
    <t>obuv tvarujúca klenbu chodidla</t>
  </si>
  <si>
    <t>tlmenie nárazu / absorbcia nárazu v päte</t>
  </si>
  <si>
    <t>tlmí nárazy v pätovej časti, rozkladá váhu tela na celé chodidlo, čím chráni chrbticu</t>
  </si>
  <si>
    <t>bandážovaná vlepovaná stielka s podporou priečnej aj pozdĺžnej klenby chodidla alebo drevená stielka (tzv. dreváky)</t>
  </si>
  <si>
    <t>protišmyková podrážka na dlaždiciach použivajúcich vodu a saponát ako mazivo</t>
  </si>
  <si>
    <t>farebné prevedenie: biela, hladká</t>
  </si>
  <si>
    <t>antibakteriálna</t>
  </si>
  <si>
    <t>spĺňa Normu EN ISO 20347</t>
  </si>
  <si>
    <t>Položka č. 2 - Pracovná obuv pre zdravotnícky personál (certifikovaná) - STREDNÝ ZDRAVOTNÍCKY PERSONÁL</t>
  </si>
  <si>
    <t>Položka č. 3 - Pracovná obuv pre nezdravotnícky personál (certifikovaná) - NEZDRAVOTNÍCKI ZAMESTNANCI</t>
  </si>
  <si>
    <t>Pracovná obuv vo veľkosti od 36 do 47.</t>
  </si>
  <si>
    <r>
      <rPr>
        <b/>
        <sz val="10"/>
        <rFont val="Arial"/>
        <family val="2"/>
        <charset val="238"/>
      </rPr>
      <t>Doklad s názvom ES vyhlásenie o zhode a podklady k nemu</t>
    </r>
    <r>
      <rPr>
        <sz val="10"/>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r>
      <rPr>
        <b/>
        <sz val="10"/>
        <rFont val="Arial"/>
        <family val="2"/>
        <charset val="238"/>
      </rPr>
      <t>Funkčné vzorky</t>
    </r>
    <r>
      <rPr>
        <sz val="10"/>
        <rFont val="Arial"/>
        <family val="2"/>
        <charset val="238"/>
      </rPr>
      <t xml:space="preserve"> ponúkaných produktov v počte 1 pár pre každú položku za účelom ich testovania v plnej prevádzke verejného obstarávateľa. Požaduje sa viditeľná identifikácia každej predloženej vzorky, na základe ktorej verejný obstarávateľ jednoznačne identifikuje, ku ktorej požadovanej položke predmetu zákazky bola vzorka predložená.</t>
    </r>
  </si>
  <si>
    <t>Požaduje sa uzatvorenie kúpnej zmluvy.</t>
  </si>
  <si>
    <t>Požaduje sa dodanie tovaru:</t>
  </si>
  <si>
    <t>do štyridsiatichôsmich (48) hodín od uzatvrodenia kúpnej zmluvy,</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kúpnej zmluvy),</t>
  </si>
  <si>
    <t>s dodacím listom, ktorý musí obsahovať okrem povinných náležitostí aj číslo objednávky, číslo kúpnej zmluv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kúpnej zmluvy.</t>
  </si>
  <si>
    <t>V prípade, ak sa po uzatvorení  kúpnej zmluvy preukáže, že na relevantnom trhu existuje cena (ďalej tiež ako "nižšia cena") za rovnaké alebo porovnateľné plnenie ako bude obsiahnuté v kúpnej zmluve a dodávateľ už preukázateľne v minulosti za takúto nižšiu cenu plnenie poskytol, resp. ešte stále poskytuje, pričom rozdiel medzi nižšou cenou a cenou podľa kúpnej zmluvy bude viac ako 5% v neprospech ceny podľa kúpnej zmluvy, zaväzuje sa dodávateľ poskytnúť objednávateľovi pre takéto plnenie objednané po preukázaní tejto skutočnosti dodatočnú zľavu vo výške rozdielu medzi ním poskytovanou cenou podľa uzatvorenej kúpnej zmluvy a nižšou cenou.</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kúpnej zmluvy bol oprávnený na poskytnutie plnenia predmetu zákazky.</t>
  </si>
  <si>
    <t>3.1</t>
  </si>
  <si>
    <t>3.2</t>
  </si>
  <si>
    <t>3.3</t>
  </si>
  <si>
    <t>3.4</t>
  </si>
  <si>
    <t>3.5</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11.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1.</t>
    </r>
    <r>
      <rPr>
        <sz val="10"/>
        <color rgb="FFFF0000"/>
        <rFont val="Arial"/>
        <family val="2"/>
        <charset val="238"/>
      </rPr>
      <t xml:space="preserve"> </t>
    </r>
    <r>
      <rPr>
        <sz val="10"/>
        <rFont val="Arial"/>
        <family val="2"/>
        <charset val="238"/>
      </rPr>
      <t>týchto zmluvných podmienok.</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style="medium">
        <color indexed="64"/>
      </left>
      <right style="thin">
        <color auto="1"/>
      </right>
      <top/>
      <bottom style="thin">
        <color auto="1"/>
      </bottom>
      <diagonal/>
    </border>
    <border>
      <left/>
      <right style="medium">
        <color indexed="64"/>
      </right>
      <top style="thin">
        <color auto="1"/>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indexed="64"/>
      </top>
      <bottom style="thin">
        <color indexed="64"/>
      </bottom>
      <diagonal/>
    </border>
    <border>
      <left/>
      <right style="medium">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right style="thin">
        <color auto="1"/>
      </right>
      <top/>
      <bottom style="medium">
        <color indexed="64"/>
      </bottom>
      <diagonal/>
    </border>
    <border>
      <left style="dotted">
        <color auto="1"/>
      </left>
      <right/>
      <top style="dotted">
        <color auto="1"/>
      </top>
      <bottom style="medium">
        <color indexed="64"/>
      </bottom>
      <diagonal/>
    </border>
    <border>
      <left/>
      <right style="medium">
        <color indexed="64"/>
      </right>
      <top style="dotted">
        <color auto="1"/>
      </top>
      <bottom style="medium">
        <color indexed="64"/>
      </bottom>
      <diagonal/>
    </border>
    <border>
      <left style="medium">
        <color auto="1"/>
      </left>
      <right style="thin">
        <color auto="1"/>
      </right>
      <top style="thin">
        <color auto="1"/>
      </top>
      <bottom/>
      <diagonal/>
    </border>
    <border>
      <left style="medium">
        <color auto="1"/>
      </left>
      <right style="thin">
        <color auto="1"/>
      </right>
      <top/>
      <bottom style="medium">
        <color auto="1"/>
      </bottom>
      <diagonal/>
    </border>
    <border>
      <left/>
      <right style="medium">
        <color auto="1"/>
      </right>
      <top style="thin">
        <color auto="1"/>
      </top>
      <bottom style="medium">
        <color auto="1"/>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71">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6"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10" xfId="5" applyFont="1" applyFill="1" applyBorder="1" applyAlignment="1" applyProtection="1">
      <alignment horizontal="right" vertical="center" wrapText="1"/>
      <protection locked="0"/>
    </xf>
    <xf numFmtId="0" fontId="11" fillId="2" borderId="10" xfId="0" applyNumberFormat="1" applyFont="1" applyFill="1" applyBorder="1" applyAlignment="1" applyProtection="1">
      <alignment horizontal="left" vertical="center" wrapText="1"/>
      <protection locked="0"/>
    </xf>
    <xf numFmtId="0" fontId="7" fillId="2" borderId="10"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10" xfId="0" applyFont="1" applyFill="1" applyBorder="1" applyAlignment="1" applyProtection="1">
      <alignment horizontal="left" vertical="top" wrapText="1"/>
      <protection locked="0"/>
    </xf>
    <xf numFmtId="0" fontId="2" fillId="3" borderId="10" xfId="0" applyFont="1" applyFill="1" applyBorder="1" applyAlignment="1" applyProtection="1">
      <alignment horizontal="center" vertical="top" wrapText="1"/>
      <protection locked="0"/>
    </xf>
    <xf numFmtId="0" fontId="2" fillId="0" borderId="10" xfId="0" applyFont="1" applyFill="1" applyBorder="1" applyAlignment="1" applyProtection="1">
      <alignment vertical="center" wrapText="1"/>
      <protection locked="0"/>
    </xf>
    <xf numFmtId="0" fontId="2" fillId="0" borderId="10" xfId="0" applyFont="1" applyFill="1" applyBorder="1" applyAlignment="1" applyProtection="1">
      <alignment horizontal="center" vertical="center" wrapText="1"/>
      <protection locked="0"/>
    </xf>
    <xf numFmtId="0" fontId="13" fillId="0" borderId="10" xfId="0" applyFont="1" applyFill="1" applyBorder="1" applyAlignment="1" applyProtection="1">
      <alignment horizontal="center" vertical="center" wrapText="1"/>
      <protection locked="0"/>
    </xf>
    <xf numFmtId="0" fontId="2" fillId="6" borderId="10" xfId="0" applyFont="1" applyFill="1" applyBorder="1" applyAlignment="1" applyProtection="1">
      <alignment vertical="center" wrapText="1"/>
      <protection locked="0"/>
    </xf>
    <xf numFmtId="0" fontId="2" fillId="6" borderId="10" xfId="0" applyFont="1" applyFill="1" applyBorder="1" applyAlignment="1" applyProtection="1">
      <alignment horizontal="center" vertical="center" wrapText="1"/>
      <protection locked="0"/>
    </xf>
    <xf numFmtId="0" fontId="13" fillId="6" borderId="10"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15"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10"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8"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7"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24" xfId="0" applyNumberFormat="1" applyFont="1" applyFill="1" applyBorder="1" applyAlignment="1" applyProtection="1">
      <alignment horizontal="center" vertical="center" wrapText="1"/>
    </xf>
    <xf numFmtId="49" fontId="2" fillId="0" borderId="8" xfId="0" applyNumberFormat="1" applyFont="1" applyFill="1" applyBorder="1" applyAlignment="1" applyProtection="1">
      <alignment horizontal="center" vertical="center" wrapText="1"/>
    </xf>
    <xf numFmtId="0" fontId="7" fillId="0" borderId="10" xfId="0" applyNumberFormat="1" applyFont="1" applyBorder="1" applyAlignment="1" applyProtection="1">
      <alignment horizontal="center" vertical="center" wrapText="1"/>
      <protection locked="0"/>
    </xf>
    <xf numFmtId="0" fontId="2" fillId="0" borderId="21" xfId="0" applyNumberFormat="1" applyFont="1" applyBorder="1" applyAlignment="1" applyProtection="1">
      <alignment horizontal="center" vertical="center" wrapText="1"/>
      <protection locked="0"/>
    </xf>
    <xf numFmtId="49" fontId="2" fillId="0" borderId="8" xfId="0" applyNumberFormat="1" applyFont="1" applyBorder="1" applyAlignment="1" applyProtection="1">
      <alignment horizontal="center" vertical="center"/>
    </xf>
    <xf numFmtId="49" fontId="2" fillId="0" borderId="11" xfId="0" applyNumberFormat="1" applyFont="1" applyBorder="1" applyAlignment="1" applyProtection="1">
      <alignment horizontal="center" vertical="center"/>
    </xf>
    <xf numFmtId="49" fontId="4" fillId="2" borderId="34" xfId="0" applyNumberFormat="1" applyFont="1" applyFill="1" applyBorder="1" applyAlignment="1" applyProtection="1">
      <alignment horizontal="center" vertical="center" wrapText="1"/>
      <protection locked="0"/>
    </xf>
    <xf numFmtId="0" fontId="2" fillId="0" borderId="18" xfId="0" applyNumberFormat="1" applyFont="1" applyBorder="1" applyAlignment="1" applyProtection="1">
      <alignment horizontal="center" vertical="center" wrapText="1"/>
      <protection locked="0"/>
    </xf>
    <xf numFmtId="49" fontId="2" fillId="0" borderId="11" xfId="0" applyNumberFormat="1" applyFont="1" applyFill="1" applyBorder="1" applyAlignment="1" applyProtection="1">
      <alignment horizontal="center" vertical="center" wrapText="1"/>
    </xf>
    <xf numFmtId="0" fontId="7" fillId="0" borderId="37" xfId="0" applyNumberFormat="1" applyFont="1" applyBorder="1" applyAlignment="1" applyProtection="1">
      <alignment horizontal="center" vertical="center" wrapText="1"/>
      <protection locked="0"/>
    </xf>
    <xf numFmtId="49" fontId="2" fillId="2" borderId="15" xfId="0" applyNumberFormat="1" applyFont="1" applyFill="1" applyBorder="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16" fontId="4" fillId="0" borderId="0" xfId="0" applyNumberFormat="1" applyFont="1" applyFill="1" applyAlignment="1" applyProtection="1">
      <alignment horizontal="left" vertical="top" wrapText="1"/>
      <protection locked="0"/>
    </xf>
    <xf numFmtId="49" fontId="2" fillId="0" borderId="10" xfId="0" applyNumberFormat="1" applyFont="1" applyBorder="1" applyAlignment="1" applyProtection="1">
      <alignment horizontal="left" vertical="center" wrapText="1"/>
      <protection locked="0"/>
    </xf>
    <xf numFmtId="49" fontId="2" fillId="0" borderId="9" xfId="0" applyNumberFormat="1" applyFont="1" applyBorder="1" applyAlignment="1" applyProtection="1">
      <alignment horizontal="left" vertical="center" wrapText="1"/>
      <protection locked="0"/>
    </xf>
    <xf numFmtId="49" fontId="5" fillId="5" borderId="8" xfId="0" applyNumberFormat="1" applyFont="1" applyFill="1" applyBorder="1" applyAlignment="1" applyProtection="1">
      <alignment horizontal="left" vertical="center" wrapText="1"/>
      <protection locked="0"/>
    </xf>
    <xf numFmtId="49" fontId="5" fillId="5" borderId="10" xfId="0" applyNumberFormat="1" applyFont="1" applyFill="1" applyBorder="1" applyAlignment="1" applyProtection="1">
      <alignment horizontal="left" vertical="center" wrapText="1"/>
      <protection locked="0"/>
    </xf>
    <xf numFmtId="49" fontId="5" fillId="5" borderId="9" xfId="0" applyNumberFormat="1" applyFont="1" applyFill="1" applyBorder="1" applyAlignment="1" applyProtection="1">
      <alignment horizontal="left" vertical="center" wrapText="1"/>
      <protection locked="0"/>
    </xf>
    <xf numFmtId="49" fontId="2" fillId="0" borderId="18" xfId="0" applyNumberFormat="1" applyFont="1" applyBorder="1" applyAlignment="1" applyProtection="1">
      <alignment horizontal="left" vertical="center" wrapText="1"/>
      <protection locked="0"/>
    </xf>
    <xf numFmtId="49" fontId="2" fillId="0" borderId="19" xfId="0" applyNumberFormat="1" applyFont="1" applyBorder="1" applyAlignment="1" applyProtection="1">
      <alignment horizontal="left" vertical="center" wrapText="1"/>
      <protection locked="0"/>
    </xf>
    <xf numFmtId="49" fontId="2" fillId="0" borderId="5" xfId="0" applyNumberFormat="1" applyFont="1" applyBorder="1" applyAlignment="1" applyProtection="1">
      <alignment horizontal="left" vertical="center" wrapText="1"/>
      <protection locked="0"/>
    </xf>
    <xf numFmtId="49" fontId="2" fillId="0" borderId="25" xfId="0" applyNumberFormat="1" applyFont="1" applyBorder="1" applyAlignment="1" applyProtection="1">
      <alignment horizontal="left" vertical="center"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3" fillId="4" borderId="0" xfId="0" applyFont="1" applyFill="1" applyAlignment="1" applyProtection="1">
      <alignment horizontal="center" vertical="center"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4" fillId="6" borderId="0" xfId="0" applyFont="1" applyFill="1" applyAlignment="1" applyProtection="1">
      <alignment horizontal="left" vertical="top" wrapText="1"/>
      <protection locked="0"/>
    </xf>
    <xf numFmtId="49" fontId="4" fillId="0" borderId="0" xfId="0" applyNumberFormat="1" applyFont="1" applyFill="1" applyAlignment="1" applyProtection="1">
      <alignment horizontal="left" vertical="center" wrapText="1"/>
      <protection locked="0"/>
    </xf>
    <xf numFmtId="16" fontId="4" fillId="0" borderId="0" xfId="0" applyNumberFormat="1" applyFont="1" applyFill="1" applyAlignment="1" applyProtection="1">
      <alignment horizontal="left" vertical="top" wrapText="1"/>
      <protection locked="0"/>
    </xf>
    <xf numFmtId="0" fontId="4" fillId="0" borderId="5" xfId="0" applyFont="1" applyFill="1" applyBorder="1" applyAlignment="1" applyProtection="1">
      <alignment horizontal="left" vertical="center" wrapText="1"/>
      <protection locked="0"/>
    </xf>
    <xf numFmtId="0" fontId="4" fillId="0" borderId="6" xfId="0" applyFont="1" applyFill="1" applyBorder="1" applyAlignment="1" applyProtection="1">
      <alignment horizontal="left" vertical="center" wrapText="1"/>
      <protection locked="0"/>
    </xf>
    <xf numFmtId="49" fontId="3" fillId="0" borderId="0" xfId="0" applyNumberFormat="1" applyFont="1" applyFill="1" applyAlignment="1" applyProtection="1">
      <alignment horizontal="left" vertical="center" wrapText="1"/>
      <protection locked="0"/>
    </xf>
    <xf numFmtId="0" fontId="2" fillId="3" borderId="5" xfId="0" applyFont="1" applyFill="1" applyBorder="1" applyAlignment="1" applyProtection="1">
      <alignment horizontal="left" vertical="top" wrapText="1"/>
      <protection locked="0"/>
    </xf>
    <xf numFmtId="0" fontId="2" fillId="3" borderId="6" xfId="0" applyFont="1" applyFill="1" applyBorder="1" applyAlignment="1" applyProtection="1">
      <alignment horizontal="left" vertical="top" wrapText="1"/>
      <protection locked="0"/>
    </xf>
    <xf numFmtId="0" fontId="4" fillId="6" borderId="5" xfId="0" applyFont="1" applyFill="1" applyBorder="1" applyAlignment="1" applyProtection="1">
      <alignment horizontal="left" vertical="center" wrapText="1"/>
      <protection locked="0"/>
    </xf>
    <xf numFmtId="0" fontId="4" fillId="6" borderId="6" xfId="0" applyFont="1" applyFill="1" applyBorder="1" applyAlignment="1" applyProtection="1">
      <alignment horizontal="left"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3" xfId="0" applyNumberFormat="1" applyFont="1" applyFill="1" applyBorder="1" applyAlignment="1" applyProtection="1">
      <alignment horizontal="left" vertical="top" wrapText="1"/>
      <protection locked="0"/>
    </xf>
    <xf numFmtId="49" fontId="5" fillId="2" borderId="33"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0" fontId="5" fillId="2" borderId="14" xfId="0" applyFont="1" applyFill="1" applyBorder="1" applyAlignment="1" applyProtection="1">
      <alignment horizontal="center" vertical="top" wrapText="1"/>
      <protection locked="0"/>
    </xf>
    <xf numFmtId="0" fontId="5" fillId="2" borderId="13"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35" xfId="0" applyNumberFormat="1" applyFont="1" applyFill="1" applyBorder="1" applyAlignment="1" applyProtection="1">
      <alignment horizontal="center" vertical="center" wrapText="1"/>
      <protection locked="0"/>
    </xf>
    <xf numFmtId="49" fontId="4" fillId="2" borderId="36" xfId="0" applyNumberFormat="1" applyFont="1" applyFill="1" applyBorder="1" applyAlignment="1" applyProtection="1">
      <alignment horizontal="center" vertical="center" wrapText="1"/>
      <protection locked="0"/>
    </xf>
    <xf numFmtId="49" fontId="5" fillId="5" borderId="20" xfId="0" applyNumberFormat="1" applyFont="1" applyFill="1" applyBorder="1" applyAlignment="1" applyProtection="1">
      <alignment horizontal="left" vertical="center" wrapText="1"/>
      <protection locked="0"/>
    </xf>
    <xf numFmtId="49" fontId="5" fillId="5" borderId="21" xfId="0" applyNumberFormat="1" applyFont="1" applyFill="1" applyBorder="1" applyAlignment="1" applyProtection="1">
      <alignment horizontal="left" vertical="center" wrapText="1"/>
      <protection locked="0"/>
    </xf>
    <xf numFmtId="49" fontId="5" fillId="5" borderId="22" xfId="0" applyNumberFormat="1" applyFont="1" applyFill="1" applyBorder="1" applyAlignment="1" applyProtection="1">
      <alignment horizontal="left" vertical="center" wrapText="1"/>
      <protection locked="0"/>
    </xf>
    <xf numFmtId="0" fontId="2" fillId="0" borderId="5" xfId="0" applyFont="1" applyFill="1" applyBorder="1" applyAlignment="1" applyProtection="1">
      <alignment horizontal="left" vertical="center" wrapText="1"/>
      <protection locked="0"/>
    </xf>
    <xf numFmtId="0" fontId="2" fillId="0" borderId="25" xfId="0" applyFont="1" applyFill="1" applyBorder="1" applyAlignment="1" applyProtection="1">
      <alignment horizontal="left" vertical="center" wrapText="1"/>
      <protection locked="0"/>
    </xf>
    <xf numFmtId="49" fontId="5" fillId="2" borderId="12" xfId="0" applyNumberFormat="1" applyFont="1" applyFill="1" applyBorder="1" applyAlignment="1" applyProtection="1">
      <alignment horizontal="left" vertical="top" wrapText="1"/>
      <protection locked="0"/>
    </xf>
    <xf numFmtId="49" fontId="5" fillId="2" borderId="3" xfId="0" applyNumberFormat="1" applyFont="1" applyFill="1" applyBorder="1" applyAlignment="1" applyProtection="1">
      <alignment horizontal="left" vertical="top" wrapText="1"/>
      <protection locked="0"/>
    </xf>
    <xf numFmtId="0" fontId="14"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32" xfId="0" applyNumberFormat="1" applyFont="1" applyFill="1" applyBorder="1" applyAlignment="1" applyProtection="1">
      <alignment horizontal="left" vertical="top" wrapText="1"/>
      <protection locked="0"/>
    </xf>
    <xf numFmtId="49" fontId="3" fillId="2" borderId="12" xfId="0" applyNumberFormat="1" applyFont="1" applyFill="1" applyBorder="1" applyAlignment="1" applyProtection="1">
      <alignment horizontal="left" vertical="top" wrapText="1"/>
      <protection locked="0"/>
    </xf>
    <xf numFmtId="49" fontId="3" fillId="2" borderId="39" xfId="0" applyNumberFormat="1" applyFont="1" applyFill="1" applyBorder="1" applyAlignment="1" applyProtection="1">
      <alignment horizontal="left" vertical="top" wrapText="1"/>
      <protection locked="0"/>
    </xf>
    <xf numFmtId="0" fontId="3" fillId="2" borderId="29" xfId="0" applyFont="1" applyFill="1" applyBorder="1" applyAlignment="1" applyProtection="1">
      <alignment horizontal="center" vertical="top" wrapText="1"/>
      <protection locked="0"/>
    </xf>
    <xf numFmtId="0" fontId="3" fillId="2" borderId="30" xfId="0" applyFont="1" applyFill="1" applyBorder="1" applyAlignment="1" applyProtection="1">
      <alignment horizontal="center" vertical="top" wrapText="1"/>
      <protection locked="0"/>
    </xf>
    <xf numFmtId="0" fontId="3" fillId="2" borderId="31" xfId="0" applyFont="1" applyFill="1" applyBorder="1" applyAlignment="1" applyProtection="1">
      <alignment horizontal="center" vertical="top" wrapText="1"/>
      <protection locked="0"/>
    </xf>
    <xf numFmtId="49" fontId="2" fillId="2" borderId="40" xfId="0" applyNumberFormat="1" applyFont="1" applyFill="1" applyBorder="1" applyAlignment="1" applyProtection="1">
      <alignment horizontal="center" vertical="center" wrapText="1"/>
      <protection locked="0"/>
    </xf>
    <xf numFmtId="49" fontId="2" fillId="2" borderId="41" xfId="0" applyNumberFormat="1" applyFont="1" applyFill="1" applyBorder="1" applyAlignment="1" applyProtection="1">
      <alignment horizontal="center" vertical="center" wrapText="1"/>
      <protection locked="0"/>
    </xf>
    <xf numFmtId="0" fontId="12" fillId="0" borderId="7"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8" xfId="0" applyFont="1" applyFill="1" applyBorder="1" applyAlignment="1" applyProtection="1">
      <alignment horizontal="left" vertical="center" wrapText="1"/>
      <protection locked="0"/>
    </xf>
    <xf numFmtId="0" fontId="2" fillId="0" borderId="19" xfId="0" applyFont="1" applyFill="1" applyBorder="1" applyAlignment="1" applyProtection="1">
      <alignment horizontal="left" vertical="center" wrapText="1"/>
      <protection locked="0"/>
    </xf>
    <xf numFmtId="0" fontId="2" fillId="0" borderId="10" xfId="0" applyFont="1" applyFill="1" applyBorder="1" applyAlignment="1" applyProtection="1">
      <alignment horizontal="left" vertical="center" wrapText="1"/>
      <protection locked="0"/>
    </xf>
    <xf numFmtId="0" fontId="2" fillId="0" borderId="9" xfId="0" applyFont="1" applyFill="1" applyBorder="1" applyAlignment="1" applyProtection="1">
      <alignment horizontal="left" vertical="center" wrapText="1"/>
      <protection locked="0"/>
    </xf>
    <xf numFmtId="0" fontId="2" fillId="0" borderId="37" xfId="0" applyFont="1" applyFill="1" applyBorder="1" applyAlignment="1" applyProtection="1">
      <alignment horizontal="left" vertical="center" wrapText="1"/>
      <protection locked="0"/>
    </xf>
    <xf numFmtId="0" fontId="2" fillId="0" borderId="38" xfId="0" applyFont="1" applyFill="1" applyBorder="1" applyAlignment="1" applyProtection="1">
      <alignment horizontal="left" vertical="center" wrapText="1"/>
      <protection locked="0"/>
    </xf>
    <xf numFmtId="0" fontId="2" fillId="0" borderId="23" xfId="0" applyFont="1" applyFill="1" applyBorder="1" applyAlignment="1" applyProtection="1">
      <alignment horizontal="left" vertical="center" wrapText="1"/>
      <protection locked="0"/>
    </xf>
    <xf numFmtId="0" fontId="2" fillId="0" borderId="44" xfId="0" applyFont="1" applyFill="1" applyBorder="1" applyAlignment="1" applyProtection="1">
      <alignment horizontal="left" vertical="center" wrapText="1"/>
      <protection locked="0"/>
    </xf>
    <xf numFmtId="49" fontId="4" fillId="2" borderId="16" xfId="0" applyNumberFormat="1" applyFont="1" applyFill="1" applyBorder="1" applyAlignment="1" applyProtection="1">
      <alignment horizontal="center" vertical="center" wrapText="1"/>
      <protection locked="0"/>
    </xf>
    <xf numFmtId="49" fontId="4" fillId="2" borderId="4" xfId="0" applyNumberFormat="1" applyFont="1" applyFill="1" applyBorder="1" applyAlignment="1" applyProtection="1">
      <alignment horizontal="center" vertical="center" wrapText="1"/>
      <protection locked="0"/>
    </xf>
    <xf numFmtId="0" fontId="2" fillId="0" borderId="27" xfId="0" applyFont="1" applyFill="1" applyBorder="1" applyAlignment="1" applyProtection="1">
      <alignment horizontal="left" vertical="center" wrapText="1"/>
      <protection locked="0"/>
    </xf>
    <xf numFmtId="0" fontId="2" fillId="0" borderId="28" xfId="0" applyFont="1" applyFill="1" applyBorder="1" applyAlignment="1" applyProtection="1">
      <alignment horizontal="left" vertical="center" wrapText="1"/>
      <protection locked="0"/>
    </xf>
    <xf numFmtId="0" fontId="4" fillId="0" borderId="25" xfId="0" applyFont="1" applyBorder="1" applyAlignment="1" applyProtection="1">
      <alignment vertical="center" wrapText="1"/>
      <protection locked="0"/>
    </xf>
    <xf numFmtId="0" fontId="4" fillId="0" borderId="44" xfId="0" applyFont="1" applyBorder="1" applyAlignment="1" applyProtection="1">
      <alignment vertical="center" wrapText="1"/>
      <protection locked="0"/>
    </xf>
    <xf numFmtId="49" fontId="4" fillId="0" borderId="10" xfId="0" applyNumberFormat="1" applyFont="1" applyFill="1" applyBorder="1" applyAlignment="1" applyProtection="1">
      <alignment horizontal="left" vertical="center" wrapText="1"/>
    </xf>
    <xf numFmtId="49" fontId="4" fillId="0" borderId="18" xfId="0" applyNumberFormat="1" applyFont="1" applyFill="1" applyBorder="1" applyAlignment="1" applyProtection="1">
      <alignment horizontal="left" vertical="center" wrapText="1"/>
    </xf>
    <xf numFmtId="49" fontId="2" fillId="0" borderId="20" xfId="0" applyNumberFormat="1" applyFont="1" applyBorder="1" applyAlignment="1" applyProtection="1">
      <alignment horizontal="left" vertical="center" wrapText="1"/>
    </xf>
    <xf numFmtId="0" fontId="4" fillId="0" borderId="21" xfId="0" applyFont="1" applyBorder="1" applyAlignment="1" applyProtection="1">
      <alignment horizontal="left" vertical="center" wrapText="1"/>
    </xf>
    <xf numFmtId="49" fontId="2" fillId="0" borderId="8" xfId="0" applyNumberFormat="1" applyFont="1" applyBorder="1" applyAlignment="1" applyProtection="1">
      <alignment horizontal="left" vertical="center" wrapText="1"/>
    </xf>
    <xf numFmtId="0" fontId="4" fillId="0" borderId="10" xfId="0" applyFont="1" applyBorder="1" applyAlignment="1" applyProtection="1">
      <alignment horizontal="left" vertical="center" wrapText="1"/>
    </xf>
    <xf numFmtId="0" fontId="4" fillId="0" borderId="10" xfId="0" applyFont="1" applyFill="1" applyBorder="1" applyAlignment="1" applyProtection="1">
      <alignment horizontal="left" vertical="center" wrapText="1"/>
    </xf>
    <xf numFmtId="0" fontId="4" fillId="0" borderId="5" xfId="0" applyFont="1" applyFill="1" applyBorder="1" applyAlignment="1" applyProtection="1">
      <alignment horizontal="left" vertical="center" wrapText="1"/>
    </xf>
    <xf numFmtId="0" fontId="4" fillId="6" borderId="10" xfId="0" applyFont="1" applyFill="1" applyBorder="1" applyAlignment="1" applyProtection="1">
      <alignment horizontal="left" vertical="center" wrapText="1"/>
    </xf>
    <xf numFmtId="0" fontId="4" fillId="0" borderId="5" xfId="0" applyFont="1" applyBorder="1" applyAlignment="1" applyProtection="1">
      <alignment vertical="center" wrapText="1"/>
    </xf>
    <xf numFmtId="49" fontId="2" fillId="0" borderId="42" xfId="0" applyNumberFormat="1" applyFont="1" applyBorder="1" applyAlignment="1" applyProtection="1">
      <alignment horizontal="left" vertical="center" wrapText="1"/>
    </xf>
    <xf numFmtId="49" fontId="2" fillId="0" borderId="43" xfId="0" applyNumberFormat="1" applyFont="1" applyBorder="1" applyAlignment="1" applyProtection="1">
      <alignment horizontal="left" vertical="center" wrapText="1"/>
    </xf>
    <xf numFmtId="0" fontId="4" fillId="0" borderId="23" xfId="0" applyFont="1" applyBorder="1" applyAlignment="1" applyProtection="1">
      <alignment vertical="center" wrapText="1"/>
    </xf>
    <xf numFmtId="49" fontId="4" fillId="0" borderId="37" xfId="0" applyNumberFormat="1" applyFont="1" applyFill="1" applyBorder="1" applyAlignment="1" applyProtection="1">
      <alignment horizontal="left" vertical="center" wrapText="1"/>
    </xf>
    <xf numFmtId="49" fontId="5" fillId="0" borderId="10" xfId="0" applyNumberFormat="1" applyFont="1" applyFill="1" applyBorder="1" applyAlignment="1" applyProtection="1">
      <alignment horizontal="left" vertical="center" wrapText="1"/>
    </xf>
    <xf numFmtId="49" fontId="4" fillId="0" borderId="18" xfId="0" applyNumberFormat="1" applyFont="1" applyBorder="1" applyAlignment="1" applyProtection="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5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70"/>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88" t="s">
        <v>42</v>
      </c>
      <c r="C1" s="88"/>
      <c r="D1" s="88"/>
      <c r="E1" s="88"/>
      <c r="F1" s="88"/>
    </row>
    <row r="2" spans="2:6" s="12" customFormat="1" ht="27.75" customHeight="1" x14ac:dyDescent="0.2">
      <c r="B2" s="87" t="s">
        <v>40</v>
      </c>
      <c r="C2" s="87"/>
      <c r="D2" s="87"/>
      <c r="E2" s="87"/>
      <c r="F2" s="87"/>
    </row>
    <row r="3" spans="2:6" s="12" customFormat="1" ht="54.75" customHeight="1" x14ac:dyDescent="0.2">
      <c r="B3" s="94" t="s">
        <v>45</v>
      </c>
      <c r="C3" s="94"/>
      <c r="D3" s="94"/>
      <c r="E3" s="94"/>
      <c r="F3" s="94"/>
    </row>
    <row r="4" spans="2:6" ht="24.95" customHeight="1" x14ac:dyDescent="0.2">
      <c r="B4" s="13" t="s">
        <v>44</v>
      </c>
      <c r="C4" s="14"/>
      <c r="D4" s="74"/>
      <c r="E4" s="74"/>
      <c r="F4" s="74"/>
    </row>
    <row r="5" spans="2:6" ht="24.95" customHeight="1" x14ac:dyDescent="0.2">
      <c r="B5" s="13" t="s">
        <v>43</v>
      </c>
      <c r="C5" s="15"/>
      <c r="D5" s="74"/>
      <c r="E5" s="74"/>
      <c r="F5" s="74"/>
    </row>
    <row r="6" spans="2:6" ht="5.0999999999999996" customHeight="1" x14ac:dyDescent="0.2">
      <c r="B6" s="74"/>
      <c r="C6" s="74"/>
      <c r="D6" s="74"/>
      <c r="E6" s="74"/>
      <c r="F6" s="74"/>
    </row>
    <row r="7" spans="2:6" s="16" customFormat="1" ht="20.100000000000001" customHeight="1" x14ac:dyDescent="0.25">
      <c r="B7" s="93" t="s">
        <v>4</v>
      </c>
      <c r="C7" s="93"/>
      <c r="D7" s="93"/>
      <c r="E7" s="93"/>
      <c r="F7" s="93"/>
    </row>
    <row r="8" spans="2:6" s="16" customFormat="1" ht="20.100000000000001" customHeight="1" x14ac:dyDescent="0.25">
      <c r="B8" s="95" t="s">
        <v>8</v>
      </c>
      <c r="C8" s="95"/>
      <c r="D8" s="95"/>
      <c r="E8" s="95"/>
      <c r="F8" s="95"/>
    </row>
    <row r="9" spans="2:6" ht="28.5" customHeight="1" x14ac:dyDescent="0.2">
      <c r="B9" s="96" t="s">
        <v>80</v>
      </c>
      <c r="C9" s="96"/>
      <c r="D9" s="96"/>
      <c r="E9" s="96"/>
      <c r="F9" s="96"/>
    </row>
    <row r="10" spans="2:6" ht="4.5" customHeight="1" x14ac:dyDescent="0.2">
      <c r="B10" s="17"/>
      <c r="C10" s="17"/>
      <c r="D10" s="17"/>
      <c r="E10" s="17"/>
      <c r="F10" s="17"/>
    </row>
    <row r="11" spans="2:6" s="16" customFormat="1" ht="20.100000000000001" customHeight="1" x14ac:dyDescent="0.25">
      <c r="B11" s="97" t="s">
        <v>9</v>
      </c>
      <c r="C11" s="97"/>
      <c r="D11" s="97"/>
      <c r="E11" s="97"/>
      <c r="F11" s="97"/>
    </row>
    <row r="12" spans="2:6" s="16" customFormat="1" ht="20.100000000000001" customHeight="1" x14ac:dyDescent="0.25">
      <c r="B12" s="100" t="s">
        <v>81</v>
      </c>
      <c r="C12" s="100"/>
      <c r="D12" s="77"/>
      <c r="E12" s="76"/>
      <c r="F12" s="76"/>
    </row>
    <row r="13" spans="2:6" s="19" customFormat="1" ht="20.100000000000001" customHeight="1" x14ac:dyDescent="0.25">
      <c r="B13" s="98" t="s">
        <v>65</v>
      </c>
      <c r="C13" s="98"/>
      <c r="D13" s="98"/>
      <c r="E13" s="18"/>
      <c r="F13" s="18"/>
    </row>
    <row r="14" spans="2:6" ht="4.5" customHeight="1" x14ac:dyDescent="0.2">
      <c r="B14" s="75"/>
      <c r="C14" s="75"/>
      <c r="D14" s="75"/>
      <c r="E14" s="17"/>
      <c r="F14" s="17"/>
    </row>
    <row r="15" spans="2:6" ht="20.100000000000001" customHeight="1" x14ac:dyDescent="0.2">
      <c r="B15" s="20" t="s">
        <v>10</v>
      </c>
      <c r="C15" s="21"/>
      <c r="D15" s="21"/>
      <c r="E15" s="22"/>
      <c r="F15" s="22"/>
    </row>
    <row r="16" spans="2:6" s="25" customFormat="1" ht="24.95" customHeight="1" x14ac:dyDescent="0.25">
      <c r="B16" s="91" t="s">
        <v>52</v>
      </c>
      <c r="C16" s="91"/>
      <c r="D16" s="91"/>
      <c r="E16" s="23"/>
      <c r="F16" s="24"/>
    </row>
    <row r="17" spans="2:6" ht="5.0999999999999996" customHeight="1" x14ac:dyDescent="0.2">
      <c r="B17" s="92"/>
      <c r="C17" s="92"/>
      <c r="D17" s="92"/>
      <c r="F17" s="27"/>
    </row>
    <row r="18" spans="2:6" s="16" customFormat="1" ht="20.100000000000001" customHeight="1" x14ac:dyDescent="0.25">
      <c r="B18" s="93" t="s">
        <v>22</v>
      </c>
      <c r="C18" s="93"/>
      <c r="D18" s="93"/>
      <c r="E18" s="93"/>
      <c r="F18" s="93"/>
    </row>
    <row r="19" spans="2:6" ht="25.5" customHeight="1" x14ac:dyDescent="0.2">
      <c r="B19" s="99" t="s">
        <v>109</v>
      </c>
      <c r="C19" s="99"/>
      <c r="D19" s="99"/>
      <c r="E19" s="99"/>
      <c r="F19" s="99"/>
    </row>
    <row r="20" spans="2:6" ht="5.0999999999999996" customHeight="1" x14ac:dyDescent="0.2">
      <c r="B20" s="92"/>
      <c r="C20" s="92"/>
      <c r="D20" s="92"/>
      <c r="F20" s="27"/>
    </row>
    <row r="21" spans="2:6" s="16" customFormat="1" ht="20.100000000000001" customHeight="1" x14ac:dyDescent="0.25">
      <c r="B21" s="93" t="s">
        <v>23</v>
      </c>
      <c r="C21" s="93"/>
      <c r="D21" s="93"/>
      <c r="E21" s="93"/>
      <c r="F21" s="93"/>
    </row>
    <row r="22" spans="2:6" s="28" customFormat="1" ht="20.100000000000001" customHeight="1" x14ac:dyDescent="0.25">
      <c r="B22" s="103" t="s">
        <v>5</v>
      </c>
      <c r="C22" s="103"/>
      <c r="D22" s="103"/>
      <c r="E22" s="103"/>
      <c r="F22" s="103"/>
    </row>
    <row r="23" spans="2:6" s="28" customFormat="1" ht="20.100000000000001" customHeight="1" x14ac:dyDescent="0.25">
      <c r="B23" s="89" t="s">
        <v>16</v>
      </c>
      <c r="C23" s="90"/>
      <c r="D23" s="73"/>
      <c r="E23" s="73"/>
      <c r="F23" s="73"/>
    </row>
    <row r="24" spans="2:6" s="28" customFormat="1" ht="20.100000000000001" customHeight="1" x14ac:dyDescent="0.25">
      <c r="B24" s="29"/>
      <c r="C24" s="29" t="s">
        <v>20</v>
      </c>
      <c r="D24" s="73"/>
      <c r="E24" s="73"/>
      <c r="F24" s="73"/>
    </row>
    <row r="25" spans="2:6" s="28" customFormat="1" ht="20.100000000000001" customHeight="1" x14ac:dyDescent="0.25">
      <c r="B25" s="29"/>
      <c r="C25" s="29" t="s">
        <v>21</v>
      </c>
      <c r="D25" s="73"/>
      <c r="E25" s="73"/>
      <c r="F25" s="73"/>
    </row>
    <row r="26" spans="2:6" s="28" customFormat="1" ht="20.100000000000001" customHeight="1" x14ac:dyDescent="0.25">
      <c r="B26" s="89" t="s">
        <v>17</v>
      </c>
      <c r="C26" s="90"/>
      <c r="D26" s="73"/>
      <c r="E26" s="73"/>
      <c r="F26" s="73"/>
    </row>
    <row r="27" spans="2:6" s="28" customFormat="1" ht="39" customHeight="1" x14ac:dyDescent="0.25">
      <c r="B27" s="30" t="s">
        <v>18</v>
      </c>
      <c r="C27" s="104" t="s">
        <v>12</v>
      </c>
      <c r="D27" s="105"/>
      <c r="E27" s="31" t="s">
        <v>11</v>
      </c>
      <c r="F27" s="31" t="s">
        <v>70</v>
      </c>
    </row>
    <row r="28" spans="2:6" s="28" customFormat="1" ht="33" customHeight="1" x14ac:dyDescent="0.25">
      <c r="B28" s="32" t="s">
        <v>1</v>
      </c>
      <c r="C28" s="101" t="s">
        <v>84</v>
      </c>
      <c r="D28" s="102"/>
      <c r="E28" s="33" t="s">
        <v>83</v>
      </c>
      <c r="F28" s="34">
        <v>145</v>
      </c>
    </row>
    <row r="29" spans="2:6" s="28" customFormat="1" ht="33" customHeight="1" x14ac:dyDescent="0.25">
      <c r="B29" s="35" t="s">
        <v>66</v>
      </c>
      <c r="C29" s="106" t="s">
        <v>85</v>
      </c>
      <c r="D29" s="107"/>
      <c r="E29" s="36" t="s">
        <v>83</v>
      </c>
      <c r="F29" s="37">
        <v>573</v>
      </c>
    </row>
    <row r="30" spans="2:6" s="28" customFormat="1" ht="33" customHeight="1" x14ac:dyDescent="0.25">
      <c r="B30" s="35" t="s">
        <v>82</v>
      </c>
      <c r="C30" s="106" t="s">
        <v>86</v>
      </c>
      <c r="D30" s="107"/>
      <c r="E30" s="36" t="s">
        <v>83</v>
      </c>
      <c r="F30" s="37">
        <v>94</v>
      </c>
    </row>
    <row r="31" spans="2:6" s="28" customFormat="1" ht="4.5" customHeight="1" x14ac:dyDescent="0.25">
      <c r="B31" s="73"/>
      <c r="C31" s="73"/>
      <c r="D31" s="73"/>
      <c r="E31" s="73"/>
      <c r="F31" s="73"/>
    </row>
    <row r="32" spans="2:6" s="28" customFormat="1" ht="20.100000000000001" customHeight="1" x14ac:dyDescent="0.25">
      <c r="B32" s="89" t="s">
        <v>19</v>
      </c>
      <c r="C32" s="90"/>
      <c r="D32" s="73"/>
      <c r="E32" s="73"/>
      <c r="F32" s="73"/>
    </row>
    <row r="33" spans="2:7" s="28" customFormat="1" ht="20.100000000000001" customHeight="1" x14ac:dyDescent="0.2">
      <c r="B33" s="12"/>
      <c r="C33" s="28" t="s">
        <v>2</v>
      </c>
      <c r="D33" s="73"/>
      <c r="E33" s="73"/>
      <c r="F33" s="73"/>
    </row>
    <row r="34" spans="2:7" s="28" customFormat="1" ht="20.100000000000001" customHeight="1" x14ac:dyDescent="0.25">
      <c r="B34" s="29"/>
      <c r="C34" s="16" t="s">
        <v>3</v>
      </c>
      <c r="D34" s="73"/>
      <c r="E34" s="73"/>
      <c r="F34" s="73"/>
    </row>
    <row r="35" spans="2:7" ht="5.0999999999999996" customHeight="1" x14ac:dyDescent="0.2"/>
    <row r="36" spans="2:7" s="16" customFormat="1" ht="20.100000000000001" customHeight="1" x14ac:dyDescent="0.25">
      <c r="B36" s="93" t="s">
        <v>24</v>
      </c>
      <c r="C36" s="93"/>
      <c r="D36" s="93"/>
      <c r="E36" s="93"/>
      <c r="F36" s="93"/>
    </row>
    <row r="37" spans="2:7" s="16" customFormat="1" ht="5.0999999999999996" customHeight="1" thickBot="1" x14ac:dyDescent="0.3">
      <c r="B37" s="27"/>
      <c r="D37" s="38"/>
      <c r="E37" s="38"/>
      <c r="F37" s="38"/>
    </row>
    <row r="38" spans="2:7" s="25" customFormat="1" ht="93" customHeight="1" x14ac:dyDescent="0.25">
      <c r="B38" s="108" t="s">
        <v>0</v>
      </c>
      <c r="C38" s="109"/>
      <c r="D38" s="112" t="s">
        <v>53</v>
      </c>
      <c r="E38" s="113"/>
      <c r="F38" s="114"/>
      <c r="G38" s="39"/>
    </row>
    <row r="39" spans="2:7" s="25" customFormat="1" ht="30" customHeight="1" thickBot="1" x14ac:dyDescent="0.3">
      <c r="B39" s="110"/>
      <c r="C39" s="111"/>
      <c r="D39" s="67" t="s">
        <v>25</v>
      </c>
      <c r="E39" s="115" t="s">
        <v>26</v>
      </c>
      <c r="F39" s="116"/>
    </row>
    <row r="40" spans="2:7" s="41" customFormat="1" ht="25.5" customHeight="1" x14ac:dyDescent="0.25">
      <c r="B40" s="117" t="s">
        <v>87</v>
      </c>
      <c r="C40" s="118"/>
      <c r="D40" s="118"/>
      <c r="E40" s="118"/>
      <c r="F40" s="119"/>
    </row>
    <row r="41" spans="2:7" s="43" customFormat="1" ht="25.5" customHeight="1" x14ac:dyDescent="0.25">
      <c r="B41" s="65" t="s">
        <v>14</v>
      </c>
      <c r="C41" s="155" t="s">
        <v>88</v>
      </c>
      <c r="D41" s="42"/>
      <c r="E41" s="85"/>
      <c r="F41" s="86"/>
    </row>
    <row r="42" spans="2:7" s="43" customFormat="1" ht="25.5" customHeight="1" x14ac:dyDescent="0.25">
      <c r="B42" s="65" t="s">
        <v>49</v>
      </c>
      <c r="C42" s="155" t="s">
        <v>89</v>
      </c>
      <c r="D42" s="42"/>
      <c r="E42" s="85"/>
      <c r="F42" s="86"/>
    </row>
    <row r="43" spans="2:7" s="43" customFormat="1" ht="25.5" customHeight="1" x14ac:dyDescent="0.25">
      <c r="B43" s="65" t="s">
        <v>50</v>
      </c>
      <c r="C43" s="155" t="s">
        <v>90</v>
      </c>
      <c r="D43" s="42"/>
      <c r="E43" s="85"/>
      <c r="F43" s="86"/>
    </row>
    <row r="44" spans="2:7" s="43" customFormat="1" ht="25.5" customHeight="1" x14ac:dyDescent="0.25">
      <c r="B44" s="65" t="s">
        <v>51</v>
      </c>
      <c r="C44" s="155" t="s">
        <v>91</v>
      </c>
      <c r="D44" s="42"/>
      <c r="E44" s="78"/>
      <c r="F44" s="79"/>
    </row>
    <row r="45" spans="2:7" s="43" customFormat="1" ht="25.5" customHeight="1" x14ac:dyDescent="0.25">
      <c r="B45" s="65" t="s">
        <v>57</v>
      </c>
      <c r="C45" s="155" t="s">
        <v>92</v>
      </c>
      <c r="D45" s="42"/>
      <c r="E45" s="78"/>
      <c r="F45" s="79"/>
    </row>
    <row r="46" spans="2:7" s="43" customFormat="1" ht="25.5" customHeight="1" x14ac:dyDescent="0.25">
      <c r="B46" s="65" t="s">
        <v>58</v>
      </c>
      <c r="C46" s="155" t="s">
        <v>93</v>
      </c>
      <c r="D46" s="42"/>
      <c r="E46" s="78"/>
      <c r="F46" s="79"/>
    </row>
    <row r="47" spans="2:7" s="43" customFormat="1" ht="25.5" customHeight="1" x14ac:dyDescent="0.25">
      <c r="B47" s="65" t="s">
        <v>59</v>
      </c>
      <c r="C47" s="155" t="s">
        <v>94</v>
      </c>
      <c r="D47" s="42"/>
      <c r="E47" s="78"/>
      <c r="F47" s="79"/>
    </row>
    <row r="48" spans="2:7" s="43" customFormat="1" ht="25.5" customHeight="1" x14ac:dyDescent="0.25">
      <c r="B48" s="65" t="s">
        <v>60</v>
      </c>
      <c r="C48" s="155" t="s">
        <v>95</v>
      </c>
      <c r="D48" s="42"/>
      <c r="E48" s="78"/>
      <c r="F48" s="79"/>
    </row>
    <row r="49" spans="2:6" s="43" customFormat="1" ht="25.5" customHeight="1" x14ac:dyDescent="0.25">
      <c r="B49" s="65" t="s">
        <v>61</v>
      </c>
      <c r="C49" s="155" t="s">
        <v>96</v>
      </c>
      <c r="D49" s="42"/>
      <c r="E49" s="78"/>
      <c r="F49" s="79"/>
    </row>
    <row r="50" spans="2:6" s="43" customFormat="1" ht="25.5" customHeight="1" x14ac:dyDescent="0.25">
      <c r="B50" s="65" t="s">
        <v>62</v>
      </c>
      <c r="C50" s="155" t="s">
        <v>97</v>
      </c>
      <c r="D50" s="42"/>
      <c r="E50" s="78"/>
      <c r="F50" s="79"/>
    </row>
    <row r="51" spans="2:6" s="43" customFormat="1" ht="25.5" customHeight="1" x14ac:dyDescent="0.25">
      <c r="B51" s="65" t="s">
        <v>63</v>
      </c>
      <c r="C51" s="155" t="s">
        <v>98</v>
      </c>
      <c r="D51" s="42"/>
      <c r="E51" s="78"/>
      <c r="F51" s="79"/>
    </row>
    <row r="52" spans="2:6" s="43" customFormat="1" ht="25.5" customHeight="1" x14ac:dyDescent="0.25">
      <c r="B52" s="65" t="s">
        <v>71</v>
      </c>
      <c r="C52" s="155" t="s">
        <v>99</v>
      </c>
      <c r="D52" s="42"/>
      <c r="E52" s="78"/>
      <c r="F52" s="79"/>
    </row>
    <row r="53" spans="2:6" s="43" customFormat="1" ht="25.5" customHeight="1" x14ac:dyDescent="0.25">
      <c r="B53" s="65" t="s">
        <v>72</v>
      </c>
      <c r="C53" s="155" t="s">
        <v>100</v>
      </c>
      <c r="D53" s="42"/>
      <c r="E53" s="78"/>
      <c r="F53" s="79"/>
    </row>
    <row r="54" spans="2:6" s="43" customFormat="1" ht="25.5" customHeight="1" x14ac:dyDescent="0.25">
      <c r="B54" s="65" t="s">
        <v>73</v>
      </c>
      <c r="C54" s="155" t="s">
        <v>101</v>
      </c>
      <c r="D54" s="42"/>
      <c r="E54" s="78"/>
      <c r="F54" s="79"/>
    </row>
    <row r="55" spans="2:6" s="43" customFormat="1" ht="25.5" customHeight="1" x14ac:dyDescent="0.25">
      <c r="B55" s="65" t="s">
        <v>74</v>
      </c>
      <c r="C55" s="155" t="s">
        <v>102</v>
      </c>
      <c r="D55" s="42"/>
      <c r="E55" s="78"/>
      <c r="F55" s="79"/>
    </row>
    <row r="56" spans="2:6" s="43" customFormat="1" ht="25.5" customHeight="1" x14ac:dyDescent="0.25">
      <c r="B56" s="65" t="s">
        <v>75</v>
      </c>
      <c r="C56" s="155" t="s">
        <v>103</v>
      </c>
      <c r="D56" s="42"/>
      <c r="E56" s="78"/>
      <c r="F56" s="79"/>
    </row>
    <row r="57" spans="2:6" s="43" customFormat="1" ht="25.5" customHeight="1" x14ac:dyDescent="0.25">
      <c r="B57" s="65" t="s">
        <v>76</v>
      </c>
      <c r="C57" s="155" t="s">
        <v>104</v>
      </c>
      <c r="D57" s="42"/>
      <c r="E57" s="78"/>
      <c r="F57" s="79"/>
    </row>
    <row r="58" spans="2:6" s="43" customFormat="1" ht="25.5" customHeight="1" x14ac:dyDescent="0.25">
      <c r="B58" s="65" t="s">
        <v>77</v>
      </c>
      <c r="C58" s="155" t="s">
        <v>105</v>
      </c>
      <c r="D58" s="42"/>
      <c r="E58" s="78"/>
      <c r="F58" s="79"/>
    </row>
    <row r="59" spans="2:6" s="43" customFormat="1" ht="25.5" customHeight="1" x14ac:dyDescent="0.25">
      <c r="B59" s="65" t="s">
        <v>78</v>
      </c>
      <c r="C59" s="155" t="s">
        <v>106</v>
      </c>
      <c r="D59" s="42"/>
      <c r="E59" s="78"/>
      <c r="F59" s="79"/>
    </row>
    <row r="60" spans="2:6" s="41" customFormat="1" ht="25.5" customHeight="1" x14ac:dyDescent="0.25">
      <c r="B60" s="80" t="s">
        <v>107</v>
      </c>
      <c r="C60" s="81"/>
      <c r="D60" s="81"/>
      <c r="E60" s="81"/>
      <c r="F60" s="82"/>
    </row>
    <row r="61" spans="2:6" s="43" customFormat="1" ht="25.5" customHeight="1" x14ac:dyDescent="0.25">
      <c r="B61" s="65" t="s">
        <v>14</v>
      </c>
      <c r="C61" s="155" t="s">
        <v>88</v>
      </c>
      <c r="D61" s="42"/>
      <c r="E61" s="85"/>
      <c r="F61" s="86"/>
    </row>
    <row r="62" spans="2:6" s="43" customFormat="1" ht="25.5" customHeight="1" x14ac:dyDescent="0.25">
      <c r="B62" s="65" t="s">
        <v>49</v>
      </c>
      <c r="C62" s="155" t="s">
        <v>89</v>
      </c>
      <c r="D62" s="42"/>
      <c r="E62" s="85"/>
      <c r="F62" s="86"/>
    </row>
    <row r="63" spans="2:6" s="43" customFormat="1" ht="25.5" customHeight="1" x14ac:dyDescent="0.25">
      <c r="B63" s="65" t="s">
        <v>50</v>
      </c>
      <c r="C63" s="155" t="s">
        <v>90</v>
      </c>
      <c r="D63" s="42"/>
      <c r="E63" s="85"/>
      <c r="F63" s="86"/>
    </row>
    <row r="64" spans="2:6" s="43" customFormat="1" ht="25.5" customHeight="1" x14ac:dyDescent="0.25">
      <c r="B64" s="65" t="s">
        <v>51</v>
      </c>
      <c r="C64" s="155" t="s">
        <v>91</v>
      </c>
      <c r="D64" s="42"/>
      <c r="E64" s="78"/>
      <c r="F64" s="79"/>
    </row>
    <row r="65" spans="2:6" s="43" customFormat="1" ht="25.5" customHeight="1" x14ac:dyDescent="0.25">
      <c r="B65" s="65" t="s">
        <v>57</v>
      </c>
      <c r="C65" s="155" t="s">
        <v>92</v>
      </c>
      <c r="D65" s="42"/>
      <c r="E65" s="78"/>
      <c r="F65" s="79"/>
    </row>
    <row r="66" spans="2:6" s="43" customFormat="1" ht="25.5" customHeight="1" x14ac:dyDescent="0.25">
      <c r="B66" s="65" t="s">
        <v>58</v>
      </c>
      <c r="C66" s="155" t="s">
        <v>93</v>
      </c>
      <c r="D66" s="42"/>
      <c r="E66" s="78"/>
      <c r="F66" s="79"/>
    </row>
    <row r="67" spans="2:6" s="43" customFormat="1" ht="25.5" customHeight="1" x14ac:dyDescent="0.25">
      <c r="B67" s="65" t="s">
        <v>59</v>
      </c>
      <c r="C67" s="155" t="s">
        <v>94</v>
      </c>
      <c r="D67" s="42"/>
      <c r="E67" s="78"/>
      <c r="F67" s="79"/>
    </row>
    <row r="68" spans="2:6" s="43" customFormat="1" ht="25.5" customHeight="1" x14ac:dyDescent="0.25">
      <c r="B68" s="65" t="s">
        <v>60</v>
      </c>
      <c r="C68" s="155" t="s">
        <v>95</v>
      </c>
      <c r="D68" s="42"/>
      <c r="E68" s="78"/>
      <c r="F68" s="79"/>
    </row>
    <row r="69" spans="2:6" s="43" customFormat="1" ht="25.5" customHeight="1" x14ac:dyDescent="0.25">
      <c r="B69" s="65" t="s">
        <v>61</v>
      </c>
      <c r="C69" s="155" t="s">
        <v>96</v>
      </c>
      <c r="D69" s="42"/>
      <c r="E69" s="78"/>
      <c r="F69" s="79"/>
    </row>
    <row r="70" spans="2:6" s="43" customFormat="1" ht="25.5" customHeight="1" x14ac:dyDescent="0.25">
      <c r="B70" s="65" t="s">
        <v>62</v>
      </c>
      <c r="C70" s="155" t="s">
        <v>97</v>
      </c>
      <c r="D70" s="42"/>
      <c r="E70" s="78"/>
      <c r="F70" s="79"/>
    </row>
    <row r="71" spans="2:6" s="43" customFormat="1" ht="25.5" customHeight="1" x14ac:dyDescent="0.25">
      <c r="B71" s="65" t="s">
        <v>63</v>
      </c>
      <c r="C71" s="155" t="s">
        <v>98</v>
      </c>
      <c r="D71" s="42"/>
      <c r="E71" s="78"/>
      <c r="F71" s="79"/>
    </row>
    <row r="72" spans="2:6" s="43" customFormat="1" ht="25.5" customHeight="1" x14ac:dyDescent="0.25">
      <c r="B72" s="65" t="s">
        <v>71</v>
      </c>
      <c r="C72" s="155" t="s">
        <v>99</v>
      </c>
      <c r="D72" s="42"/>
      <c r="E72" s="78"/>
      <c r="F72" s="79"/>
    </row>
    <row r="73" spans="2:6" s="43" customFormat="1" ht="25.5" customHeight="1" x14ac:dyDescent="0.25">
      <c r="B73" s="65" t="s">
        <v>72</v>
      </c>
      <c r="C73" s="155" t="s">
        <v>100</v>
      </c>
      <c r="D73" s="42"/>
      <c r="E73" s="78"/>
      <c r="F73" s="79"/>
    </row>
    <row r="74" spans="2:6" s="43" customFormat="1" ht="25.5" customHeight="1" x14ac:dyDescent="0.25">
      <c r="B74" s="65" t="s">
        <v>73</v>
      </c>
      <c r="C74" s="155" t="s">
        <v>101</v>
      </c>
      <c r="D74" s="42"/>
      <c r="E74" s="78"/>
      <c r="F74" s="79"/>
    </row>
    <row r="75" spans="2:6" s="43" customFormat="1" ht="25.5" customHeight="1" x14ac:dyDescent="0.25">
      <c r="B75" s="65" t="s">
        <v>74</v>
      </c>
      <c r="C75" s="155" t="s">
        <v>102</v>
      </c>
      <c r="D75" s="42"/>
      <c r="E75" s="78"/>
      <c r="F75" s="79"/>
    </row>
    <row r="76" spans="2:6" s="43" customFormat="1" ht="25.5" customHeight="1" x14ac:dyDescent="0.25">
      <c r="B76" s="65" t="s">
        <v>75</v>
      </c>
      <c r="C76" s="155" t="s">
        <v>103</v>
      </c>
      <c r="D76" s="42"/>
      <c r="E76" s="78"/>
      <c r="F76" s="79"/>
    </row>
    <row r="77" spans="2:6" s="43" customFormat="1" ht="25.5" customHeight="1" x14ac:dyDescent="0.25">
      <c r="B77" s="65" t="s">
        <v>76</v>
      </c>
      <c r="C77" s="155" t="s">
        <v>104</v>
      </c>
      <c r="D77" s="42"/>
      <c r="E77" s="78"/>
      <c r="F77" s="79"/>
    </row>
    <row r="78" spans="2:6" s="43" customFormat="1" ht="25.5" customHeight="1" x14ac:dyDescent="0.25">
      <c r="B78" s="65" t="s">
        <v>77</v>
      </c>
      <c r="C78" s="155" t="s">
        <v>105</v>
      </c>
      <c r="D78" s="42"/>
      <c r="E78" s="78"/>
      <c r="F78" s="79"/>
    </row>
    <row r="79" spans="2:6" s="43" customFormat="1" ht="25.5" customHeight="1" x14ac:dyDescent="0.25">
      <c r="B79" s="65" t="s">
        <v>78</v>
      </c>
      <c r="C79" s="155" t="s">
        <v>106</v>
      </c>
      <c r="D79" s="42"/>
      <c r="E79" s="78"/>
      <c r="F79" s="79"/>
    </row>
    <row r="80" spans="2:6" s="41" customFormat="1" ht="25.5" customHeight="1" x14ac:dyDescent="0.25">
      <c r="B80" s="80" t="s">
        <v>108</v>
      </c>
      <c r="C80" s="81"/>
      <c r="D80" s="81"/>
      <c r="E80" s="81"/>
      <c r="F80" s="82"/>
    </row>
    <row r="81" spans="2:6" s="43" customFormat="1" ht="25.5" customHeight="1" x14ac:dyDescent="0.25">
      <c r="B81" s="65" t="s">
        <v>14</v>
      </c>
      <c r="C81" s="155" t="s">
        <v>88</v>
      </c>
      <c r="D81" s="42"/>
      <c r="E81" s="85"/>
      <c r="F81" s="86"/>
    </row>
    <row r="82" spans="2:6" s="43" customFormat="1" ht="25.5" customHeight="1" x14ac:dyDescent="0.25">
      <c r="B82" s="65" t="s">
        <v>49</v>
      </c>
      <c r="C82" s="155" t="s">
        <v>89</v>
      </c>
      <c r="D82" s="42"/>
      <c r="E82" s="85"/>
      <c r="F82" s="86"/>
    </row>
    <row r="83" spans="2:6" s="43" customFormat="1" ht="25.5" customHeight="1" x14ac:dyDescent="0.25">
      <c r="B83" s="65" t="s">
        <v>50</v>
      </c>
      <c r="C83" s="155" t="s">
        <v>90</v>
      </c>
      <c r="D83" s="42"/>
      <c r="E83" s="85"/>
      <c r="F83" s="86"/>
    </row>
    <row r="84" spans="2:6" s="43" customFormat="1" ht="25.5" customHeight="1" x14ac:dyDescent="0.25">
      <c r="B84" s="65" t="s">
        <v>51</v>
      </c>
      <c r="C84" s="155" t="s">
        <v>91</v>
      </c>
      <c r="D84" s="42"/>
      <c r="E84" s="78"/>
      <c r="F84" s="79"/>
    </row>
    <row r="85" spans="2:6" s="43" customFormat="1" ht="25.5" customHeight="1" x14ac:dyDescent="0.25">
      <c r="B85" s="65" t="s">
        <v>57</v>
      </c>
      <c r="C85" s="155" t="s">
        <v>92</v>
      </c>
      <c r="D85" s="42"/>
      <c r="E85" s="78"/>
      <c r="F85" s="79"/>
    </row>
    <row r="86" spans="2:6" s="43" customFormat="1" ht="25.5" customHeight="1" x14ac:dyDescent="0.25">
      <c r="B86" s="65" t="s">
        <v>58</v>
      </c>
      <c r="C86" s="155" t="s">
        <v>93</v>
      </c>
      <c r="D86" s="42"/>
      <c r="E86" s="78"/>
      <c r="F86" s="79"/>
    </row>
    <row r="87" spans="2:6" s="43" customFormat="1" ht="25.5" customHeight="1" x14ac:dyDescent="0.25">
      <c r="B87" s="65" t="s">
        <v>59</v>
      </c>
      <c r="C87" s="155" t="s">
        <v>94</v>
      </c>
      <c r="D87" s="42"/>
      <c r="E87" s="78"/>
      <c r="F87" s="79"/>
    </row>
    <row r="88" spans="2:6" s="43" customFormat="1" ht="25.5" customHeight="1" x14ac:dyDescent="0.25">
      <c r="B88" s="65" t="s">
        <v>60</v>
      </c>
      <c r="C88" s="155" t="s">
        <v>95</v>
      </c>
      <c r="D88" s="42"/>
      <c r="E88" s="78"/>
      <c r="F88" s="79"/>
    </row>
    <row r="89" spans="2:6" s="43" customFormat="1" ht="25.5" customHeight="1" x14ac:dyDescent="0.25">
      <c r="B89" s="65" t="s">
        <v>61</v>
      </c>
      <c r="C89" s="155" t="s">
        <v>96</v>
      </c>
      <c r="D89" s="42"/>
      <c r="E89" s="78"/>
      <c r="F89" s="79"/>
    </row>
    <row r="90" spans="2:6" s="43" customFormat="1" ht="25.5" customHeight="1" x14ac:dyDescent="0.25">
      <c r="B90" s="65" t="s">
        <v>62</v>
      </c>
      <c r="C90" s="155" t="s">
        <v>97</v>
      </c>
      <c r="D90" s="42"/>
      <c r="E90" s="78"/>
      <c r="F90" s="79"/>
    </row>
    <row r="91" spans="2:6" s="43" customFormat="1" ht="25.5" customHeight="1" x14ac:dyDescent="0.25">
      <c r="B91" s="65" t="s">
        <v>63</v>
      </c>
      <c r="C91" s="155" t="s">
        <v>98</v>
      </c>
      <c r="D91" s="42"/>
      <c r="E91" s="78"/>
      <c r="F91" s="79"/>
    </row>
    <row r="92" spans="2:6" s="43" customFormat="1" ht="25.5" customHeight="1" x14ac:dyDescent="0.25">
      <c r="B92" s="65" t="s">
        <v>71</v>
      </c>
      <c r="C92" s="155" t="s">
        <v>99</v>
      </c>
      <c r="D92" s="42"/>
      <c r="E92" s="78"/>
      <c r="F92" s="79"/>
    </row>
    <row r="93" spans="2:6" s="43" customFormat="1" ht="25.5" customHeight="1" x14ac:dyDescent="0.25">
      <c r="B93" s="65" t="s">
        <v>72</v>
      </c>
      <c r="C93" s="155" t="s">
        <v>100</v>
      </c>
      <c r="D93" s="42"/>
      <c r="E93" s="78"/>
      <c r="F93" s="79"/>
    </row>
    <row r="94" spans="2:6" s="43" customFormat="1" ht="25.5" customHeight="1" x14ac:dyDescent="0.25">
      <c r="B94" s="65" t="s">
        <v>73</v>
      </c>
      <c r="C94" s="155" t="s">
        <v>101</v>
      </c>
      <c r="D94" s="42"/>
      <c r="E94" s="78"/>
      <c r="F94" s="79"/>
    </row>
    <row r="95" spans="2:6" s="43" customFormat="1" ht="25.5" customHeight="1" x14ac:dyDescent="0.25">
      <c r="B95" s="65" t="s">
        <v>74</v>
      </c>
      <c r="C95" s="155" t="s">
        <v>102</v>
      </c>
      <c r="D95" s="42"/>
      <c r="E95" s="78"/>
      <c r="F95" s="79"/>
    </row>
    <row r="96" spans="2:6" s="43" customFormat="1" ht="25.5" customHeight="1" x14ac:dyDescent="0.25">
      <c r="B96" s="65" t="s">
        <v>75</v>
      </c>
      <c r="C96" s="155" t="s">
        <v>103</v>
      </c>
      <c r="D96" s="42"/>
      <c r="E96" s="78"/>
      <c r="F96" s="79"/>
    </row>
    <row r="97" spans="2:6" s="43" customFormat="1" ht="25.5" customHeight="1" x14ac:dyDescent="0.25">
      <c r="B97" s="65" t="s">
        <v>76</v>
      </c>
      <c r="C97" s="155" t="s">
        <v>104</v>
      </c>
      <c r="D97" s="42"/>
      <c r="E97" s="78"/>
      <c r="F97" s="79"/>
    </row>
    <row r="98" spans="2:6" s="43" customFormat="1" ht="25.5" customHeight="1" x14ac:dyDescent="0.25">
      <c r="B98" s="65" t="s">
        <v>77</v>
      </c>
      <c r="C98" s="155" t="s">
        <v>105</v>
      </c>
      <c r="D98" s="42"/>
      <c r="E98" s="78"/>
      <c r="F98" s="79"/>
    </row>
    <row r="99" spans="2:6" s="43" customFormat="1" ht="25.5" customHeight="1" thickBot="1" x14ac:dyDescent="0.3">
      <c r="B99" s="66" t="s">
        <v>78</v>
      </c>
      <c r="C99" s="156" t="s">
        <v>106</v>
      </c>
      <c r="D99" s="68"/>
      <c r="E99" s="83"/>
      <c r="F99" s="84"/>
    </row>
    <row r="100" spans="2:6" s="25" customFormat="1" ht="17.25" customHeight="1" x14ac:dyDescent="0.25">
      <c r="B100" s="44"/>
      <c r="C100" s="45"/>
      <c r="D100" s="46"/>
      <c r="E100" s="46"/>
      <c r="F100" s="47"/>
    </row>
    <row r="101" spans="2:6" s="16" customFormat="1" ht="20.100000000000001" customHeight="1" x14ac:dyDescent="0.25">
      <c r="B101" s="93" t="s">
        <v>41</v>
      </c>
      <c r="C101" s="93"/>
      <c r="D101" s="93"/>
      <c r="E101" s="93"/>
      <c r="F101" s="93"/>
    </row>
    <row r="102" spans="2:6" s="16" customFormat="1" ht="5.0999999999999996" customHeight="1" thickBot="1" x14ac:dyDescent="0.3">
      <c r="B102" s="27"/>
      <c r="D102" s="38"/>
      <c r="E102" s="38"/>
      <c r="F102" s="38"/>
    </row>
    <row r="103" spans="2:6" s="25" customFormat="1" ht="69" customHeight="1" x14ac:dyDescent="0.25">
      <c r="B103" s="108" t="s">
        <v>7</v>
      </c>
      <c r="C103" s="109"/>
      <c r="D103" s="112" t="s">
        <v>54</v>
      </c>
      <c r="E103" s="113"/>
      <c r="F103" s="114"/>
    </row>
    <row r="104" spans="2:6" s="25" customFormat="1" ht="30" customHeight="1" thickBot="1" x14ac:dyDescent="0.3">
      <c r="B104" s="122"/>
      <c r="C104" s="123"/>
      <c r="D104" s="40" t="s">
        <v>6</v>
      </c>
      <c r="E104" s="149" t="s">
        <v>27</v>
      </c>
      <c r="F104" s="150"/>
    </row>
    <row r="105" spans="2:6" s="16" customFormat="1" ht="33" customHeight="1" x14ac:dyDescent="0.25">
      <c r="B105" s="157" t="s">
        <v>14</v>
      </c>
      <c r="C105" s="158" t="s">
        <v>112</v>
      </c>
      <c r="D105" s="64"/>
      <c r="E105" s="151"/>
      <c r="F105" s="152"/>
    </row>
    <row r="106" spans="2:6" s="16" customFormat="1" ht="33" customHeight="1" x14ac:dyDescent="0.25">
      <c r="B106" s="159" t="s">
        <v>50</v>
      </c>
      <c r="C106" s="160" t="s">
        <v>113</v>
      </c>
      <c r="D106" s="42"/>
      <c r="E106" s="120"/>
      <c r="F106" s="121"/>
    </row>
    <row r="107" spans="2:6" s="16" customFormat="1" ht="33" customHeight="1" x14ac:dyDescent="0.25">
      <c r="B107" s="159" t="s">
        <v>128</v>
      </c>
      <c r="C107" s="161" t="s">
        <v>114</v>
      </c>
      <c r="D107" s="42"/>
      <c r="E107" s="120"/>
      <c r="F107" s="121"/>
    </row>
    <row r="108" spans="2:6" s="16" customFormat="1" ht="33" customHeight="1" x14ac:dyDescent="0.25">
      <c r="B108" s="159" t="s">
        <v>129</v>
      </c>
      <c r="C108" s="160" t="s">
        <v>115</v>
      </c>
      <c r="D108" s="42"/>
      <c r="E108" s="120"/>
      <c r="F108" s="121"/>
    </row>
    <row r="109" spans="2:6" s="16" customFormat="1" ht="33" customHeight="1" x14ac:dyDescent="0.25">
      <c r="B109" s="159" t="s">
        <v>130</v>
      </c>
      <c r="C109" s="160" t="s">
        <v>116</v>
      </c>
      <c r="D109" s="42"/>
      <c r="E109" s="120"/>
      <c r="F109" s="121"/>
    </row>
    <row r="110" spans="2:6" s="16" customFormat="1" ht="50.25" customHeight="1" x14ac:dyDescent="0.25">
      <c r="B110" s="159" t="s">
        <v>131</v>
      </c>
      <c r="C110" s="160" t="s">
        <v>117</v>
      </c>
      <c r="D110" s="42"/>
      <c r="E110" s="120"/>
      <c r="F110" s="121"/>
    </row>
    <row r="111" spans="2:6" s="16" customFormat="1" ht="122.25" customHeight="1" x14ac:dyDescent="0.25">
      <c r="B111" s="159" t="s">
        <v>132</v>
      </c>
      <c r="C111" s="160" t="s">
        <v>118</v>
      </c>
      <c r="D111" s="42"/>
      <c r="E111" s="120"/>
      <c r="F111" s="121"/>
    </row>
    <row r="112" spans="2:6" s="16" customFormat="1" ht="135.75" customHeight="1" x14ac:dyDescent="0.25">
      <c r="B112" s="159" t="s">
        <v>51</v>
      </c>
      <c r="C112" s="160" t="s">
        <v>119</v>
      </c>
      <c r="D112" s="42"/>
      <c r="E112" s="120"/>
      <c r="F112" s="121"/>
    </row>
    <row r="113" spans="2:7" s="16" customFormat="1" ht="47.25" customHeight="1" x14ac:dyDescent="0.25">
      <c r="B113" s="159" t="s">
        <v>57</v>
      </c>
      <c r="C113" s="160" t="s">
        <v>120</v>
      </c>
      <c r="D113" s="42"/>
      <c r="E113" s="120"/>
      <c r="F113" s="121"/>
    </row>
    <row r="114" spans="2:7" s="16" customFormat="1" ht="57" customHeight="1" x14ac:dyDescent="0.25">
      <c r="B114" s="159" t="s">
        <v>58</v>
      </c>
      <c r="C114" s="160" t="s">
        <v>121</v>
      </c>
      <c r="D114" s="42"/>
      <c r="E114" s="120"/>
      <c r="F114" s="121"/>
    </row>
    <row r="115" spans="2:7" s="16" customFormat="1" ht="90.75" customHeight="1" x14ac:dyDescent="0.25">
      <c r="B115" s="159" t="s">
        <v>59</v>
      </c>
      <c r="C115" s="162" t="s">
        <v>133</v>
      </c>
      <c r="D115" s="42"/>
      <c r="E115" s="120"/>
      <c r="F115" s="121"/>
    </row>
    <row r="116" spans="2:7" s="16" customFormat="1" ht="296.25" customHeight="1" x14ac:dyDescent="0.25">
      <c r="B116" s="159" t="s">
        <v>60</v>
      </c>
      <c r="C116" s="160" t="s">
        <v>122</v>
      </c>
      <c r="D116" s="42"/>
      <c r="E116" s="120"/>
      <c r="F116" s="121"/>
    </row>
    <row r="117" spans="2:7" s="16" customFormat="1" ht="126.75" customHeight="1" x14ac:dyDescent="0.25">
      <c r="B117" s="159" t="s">
        <v>61</v>
      </c>
      <c r="C117" s="160" t="s">
        <v>123</v>
      </c>
      <c r="D117" s="42"/>
      <c r="E117" s="120"/>
      <c r="F117" s="121"/>
    </row>
    <row r="118" spans="2:7" s="16" customFormat="1" ht="271.5" customHeight="1" x14ac:dyDescent="0.25">
      <c r="B118" s="159" t="s">
        <v>62</v>
      </c>
      <c r="C118" s="160" t="s">
        <v>124</v>
      </c>
      <c r="D118" s="42"/>
      <c r="E118" s="120"/>
      <c r="F118" s="121"/>
    </row>
    <row r="119" spans="2:7" s="16" customFormat="1" ht="119.25" customHeight="1" x14ac:dyDescent="0.25">
      <c r="B119" s="159" t="s">
        <v>63</v>
      </c>
      <c r="C119" s="163" t="s">
        <v>125</v>
      </c>
      <c r="D119" s="42"/>
      <c r="E119" s="120"/>
      <c r="F119" s="121"/>
    </row>
    <row r="120" spans="2:7" s="16" customFormat="1" ht="59.25" customHeight="1" x14ac:dyDescent="0.25">
      <c r="B120" s="159" t="s">
        <v>139</v>
      </c>
      <c r="C120" s="160" t="s">
        <v>140</v>
      </c>
      <c r="D120" s="42"/>
      <c r="E120" s="120"/>
      <c r="F120" s="121"/>
    </row>
    <row r="121" spans="2:7" s="16" customFormat="1" ht="111" customHeight="1" x14ac:dyDescent="0.25">
      <c r="B121" s="159" t="s">
        <v>71</v>
      </c>
      <c r="C121" s="160" t="s">
        <v>126</v>
      </c>
      <c r="D121" s="42"/>
      <c r="E121" s="120"/>
      <c r="F121" s="121"/>
    </row>
    <row r="122" spans="2:7" s="16" customFormat="1" ht="36.75" customHeight="1" x14ac:dyDescent="0.25">
      <c r="B122" s="159" t="s">
        <v>72</v>
      </c>
      <c r="C122" s="160" t="s">
        <v>127</v>
      </c>
      <c r="D122" s="42"/>
      <c r="E122" s="120"/>
      <c r="F122" s="121"/>
    </row>
    <row r="123" spans="2:7" s="16" customFormat="1" ht="83.25" customHeight="1" x14ac:dyDescent="0.25">
      <c r="B123" s="159" t="s">
        <v>73</v>
      </c>
      <c r="C123" s="164" t="s">
        <v>134</v>
      </c>
      <c r="D123" s="153"/>
      <c r="E123" s="120"/>
      <c r="F123" s="121"/>
    </row>
    <row r="124" spans="2:7" s="16" customFormat="1" ht="216" customHeight="1" x14ac:dyDescent="0.25">
      <c r="B124" s="165" t="s">
        <v>74</v>
      </c>
      <c r="C124" s="164" t="s">
        <v>135</v>
      </c>
      <c r="D124" s="153"/>
      <c r="E124" s="120"/>
      <c r="F124" s="121"/>
    </row>
    <row r="125" spans="2:7" s="16" customFormat="1" ht="219" customHeight="1" x14ac:dyDescent="0.25">
      <c r="B125" s="159" t="s">
        <v>75</v>
      </c>
      <c r="C125" s="164" t="s">
        <v>136</v>
      </c>
      <c r="D125" s="153"/>
      <c r="E125" s="120"/>
      <c r="F125" s="121"/>
    </row>
    <row r="126" spans="2:7" s="16" customFormat="1" ht="114.75" customHeight="1" x14ac:dyDescent="0.25">
      <c r="B126" s="159" t="s">
        <v>76</v>
      </c>
      <c r="C126" s="164" t="s">
        <v>137</v>
      </c>
      <c r="D126" s="153"/>
      <c r="E126" s="120"/>
      <c r="F126" s="121"/>
    </row>
    <row r="127" spans="2:7" s="16" customFormat="1" ht="46.5" customHeight="1" thickBot="1" x14ac:dyDescent="0.3">
      <c r="B127" s="166" t="s">
        <v>77</v>
      </c>
      <c r="C127" s="167" t="s">
        <v>138</v>
      </c>
      <c r="D127" s="154"/>
      <c r="E127" s="147"/>
      <c r="F127" s="148"/>
    </row>
    <row r="128" spans="2:7" s="25" customFormat="1" ht="21" customHeight="1" x14ac:dyDescent="0.25">
      <c r="B128" s="45"/>
      <c r="C128" s="45"/>
      <c r="D128" s="46"/>
      <c r="E128" s="46"/>
      <c r="F128" s="47"/>
      <c r="G128" s="16"/>
    </row>
    <row r="129" spans="2:7" s="16" customFormat="1" ht="20.100000000000001" customHeight="1" x14ac:dyDescent="0.25">
      <c r="B129" s="93" t="s">
        <v>46</v>
      </c>
      <c r="C129" s="93"/>
      <c r="D129" s="93"/>
      <c r="E129" s="93"/>
      <c r="F129" s="93"/>
    </row>
    <row r="130" spans="2:7" s="16" customFormat="1" ht="4.5" customHeight="1" thickBot="1" x14ac:dyDescent="0.3"/>
    <row r="131" spans="2:7" s="16" customFormat="1" ht="80.25" customHeight="1" x14ac:dyDescent="0.25">
      <c r="B131" s="125" t="s">
        <v>79</v>
      </c>
      <c r="C131" s="126"/>
      <c r="D131" s="129" t="s">
        <v>47</v>
      </c>
      <c r="E131" s="130"/>
      <c r="F131" s="131"/>
    </row>
    <row r="132" spans="2:7" s="25" customFormat="1" ht="29.25" customHeight="1" thickBot="1" x14ac:dyDescent="0.3">
      <c r="B132" s="127"/>
      <c r="C132" s="128"/>
      <c r="D132" s="71" t="s">
        <v>6</v>
      </c>
      <c r="E132" s="132" t="s">
        <v>27</v>
      </c>
      <c r="F132" s="133"/>
      <c r="G132" s="16"/>
    </row>
    <row r="133" spans="2:7" s="25" customFormat="1" ht="133.5" customHeight="1" x14ac:dyDescent="0.25">
      <c r="B133" s="61" t="s">
        <v>14</v>
      </c>
      <c r="C133" s="168" t="s">
        <v>110</v>
      </c>
      <c r="D133" s="70"/>
      <c r="E133" s="145"/>
      <c r="F133" s="146"/>
      <c r="G133" s="16"/>
    </row>
    <row r="134" spans="2:7" s="25" customFormat="1" ht="22.5" customHeight="1" x14ac:dyDescent="0.25">
      <c r="B134" s="62" t="s">
        <v>49</v>
      </c>
      <c r="C134" s="169" t="s">
        <v>48</v>
      </c>
      <c r="D134" s="63"/>
      <c r="E134" s="143"/>
      <c r="F134" s="144"/>
      <c r="G134" s="16"/>
    </row>
    <row r="135" spans="2:7" s="25" customFormat="1" ht="72" customHeight="1" thickBot="1" x14ac:dyDescent="0.3">
      <c r="B135" s="69" t="s">
        <v>50</v>
      </c>
      <c r="C135" s="170" t="s">
        <v>111</v>
      </c>
      <c r="D135" s="48"/>
      <c r="E135" s="141"/>
      <c r="F135" s="142"/>
      <c r="G135" s="16"/>
    </row>
    <row r="136" spans="2:7" s="16" customFormat="1" ht="16.5" customHeight="1" x14ac:dyDescent="0.25">
      <c r="B136" s="45"/>
      <c r="C136" s="45"/>
      <c r="D136" s="46"/>
      <c r="E136" s="46"/>
      <c r="F136" s="47"/>
    </row>
    <row r="137" spans="2:7" s="16" customFormat="1" ht="20.100000000000001" customHeight="1" x14ac:dyDescent="0.25">
      <c r="B137" s="93" t="s">
        <v>13</v>
      </c>
      <c r="C137" s="93"/>
      <c r="D137" s="93"/>
      <c r="E137" s="93"/>
      <c r="F137" s="93"/>
    </row>
    <row r="138" spans="2:7" s="25" customFormat="1" ht="24.75" customHeight="1" x14ac:dyDescent="0.25">
      <c r="B138" s="45" t="s">
        <v>15</v>
      </c>
      <c r="C138" s="138" t="s">
        <v>64</v>
      </c>
      <c r="D138" s="138"/>
      <c r="E138" s="138"/>
      <c r="F138" s="138"/>
      <c r="G138" s="16"/>
    </row>
    <row r="139" spans="2:7" s="25" customFormat="1" ht="23.25" customHeight="1" x14ac:dyDescent="0.25">
      <c r="B139" s="45" t="s">
        <v>68</v>
      </c>
      <c r="C139" s="138" t="s">
        <v>69</v>
      </c>
      <c r="D139" s="138"/>
      <c r="E139" s="138"/>
      <c r="F139" s="138"/>
      <c r="G139" s="16"/>
    </row>
    <row r="140" spans="2:7" s="49" customFormat="1" ht="30" customHeight="1" x14ac:dyDescent="0.25">
      <c r="B140" s="139" t="s">
        <v>28</v>
      </c>
      <c r="C140" s="139"/>
      <c r="D140" s="139"/>
      <c r="E140" s="139"/>
      <c r="F140" s="25"/>
      <c r="G140" s="16"/>
    </row>
    <row r="141" spans="2:7" s="16" customFormat="1" ht="24.95" customHeight="1" x14ac:dyDescent="0.25">
      <c r="B141" s="50" t="s">
        <v>29</v>
      </c>
      <c r="C141" s="136"/>
      <c r="D141" s="136"/>
      <c r="F141" s="49"/>
    </row>
    <row r="142" spans="2:7" s="16" customFormat="1" ht="24.95" customHeight="1" x14ac:dyDescent="0.25">
      <c r="B142" s="50" t="s">
        <v>30</v>
      </c>
      <c r="C142" s="136"/>
      <c r="D142" s="136"/>
      <c r="F142" s="49"/>
    </row>
    <row r="143" spans="2:7" s="16" customFormat="1" ht="24.95" customHeight="1" x14ac:dyDescent="0.25">
      <c r="B143" s="50" t="s">
        <v>31</v>
      </c>
      <c r="C143" s="136"/>
      <c r="D143" s="136"/>
      <c r="F143" s="49"/>
    </row>
    <row r="144" spans="2:7" s="25" customFormat="1" ht="24.95" customHeight="1" x14ac:dyDescent="0.25">
      <c r="B144" s="50" t="s">
        <v>32</v>
      </c>
      <c r="C144" s="136"/>
      <c r="D144" s="136"/>
      <c r="E144" s="16"/>
      <c r="F144" s="51"/>
      <c r="G144" s="16"/>
    </row>
    <row r="145" spans="1:15" s="16" customFormat="1" ht="14.25" customHeight="1" x14ac:dyDescent="0.2">
      <c r="B145" s="52"/>
      <c r="C145" s="1"/>
      <c r="D145" s="1"/>
      <c r="F145" s="53"/>
    </row>
    <row r="146" spans="1:15" s="25" customFormat="1" ht="15" customHeight="1" x14ac:dyDescent="0.25">
      <c r="B146" s="140" t="s">
        <v>33</v>
      </c>
      <c r="C146" s="140"/>
      <c r="D146" s="140"/>
      <c r="E146" s="140"/>
      <c r="F146" s="140"/>
    </row>
    <row r="147" spans="1:15" s="16" customFormat="1" ht="36.75" customHeight="1" x14ac:dyDescent="0.25">
      <c r="B147" s="137" t="s">
        <v>67</v>
      </c>
      <c r="C147" s="137"/>
      <c r="D147" s="137"/>
      <c r="E147" s="137"/>
      <c r="F147" s="137"/>
    </row>
    <row r="148" spans="1:15" s="16" customFormat="1" ht="20.100000000000001" customHeight="1" x14ac:dyDescent="0.2">
      <c r="B148" s="11"/>
      <c r="C148" s="11"/>
      <c r="D148" s="26"/>
      <c r="E148" s="26"/>
    </row>
    <row r="149" spans="1:15" s="25" customFormat="1" ht="4.5" customHeight="1" x14ac:dyDescent="0.2">
      <c r="B149" s="11"/>
      <c r="C149" s="11"/>
      <c r="D149" s="26"/>
      <c r="E149" s="26"/>
      <c r="F149" s="16"/>
    </row>
    <row r="150" spans="1:15" s="25" customFormat="1" ht="20.100000000000001" customHeight="1" x14ac:dyDescent="0.25">
      <c r="B150" s="54" t="s">
        <v>34</v>
      </c>
      <c r="C150" s="55"/>
      <c r="D150" s="56" t="s">
        <v>35</v>
      </c>
      <c r="E150" s="134"/>
      <c r="F150" s="134"/>
    </row>
    <row r="151" spans="1:15" s="25" customFormat="1" ht="20.100000000000001" customHeight="1" x14ac:dyDescent="0.25">
      <c r="B151" s="57"/>
      <c r="C151" s="57"/>
      <c r="D151" s="57"/>
      <c r="E151" s="58"/>
      <c r="F151" s="58"/>
    </row>
    <row r="152" spans="1:15" ht="20.100000000000001" customHeight="1" x14ac:dyDescent="0.2">
      <c r="B152" s="54" t="s">
        <v>36</v>
      </c>
      <c r="C152" s="55"/>
      <c r="D152" s="59" t="s">
        <v>37</v>
      </c>
      <c r="E152" s="135"/>
      <c r="F152" s="135"/>
    </row>
    <row r="153" spans="1:15" s="16" customFormat="1" ht="20.100000000000001" customHeight="1" x14ac:dyDescent="0.2">
      <c r="B153" s="11"/>
      <c r="C153" s="11"/>
      <c r="D153" s="59" t="s">
        <v>38</v>
      </c>
      <c r="E153" s="136"/>
      <c r="F153" s="136"/>
    </row>
    <row r="154" spans="1:15" s="16" customFormat="1" ht="20.100000000000001" customHeight="1" x14ac:dyDescent="0.2">
      <c r="B154" s="11"/>
      <c r="C154" s="11"/>
      <c r="D154" s="60" t="s">
        <v>39</v>
      </c>
      <c r="E154" s="11"/>
    </row>
    <row r="155" spans="1:15" s="1" customFormat="1" ht="12" x14ac:dyDescent="0.2">
      <c r="A155" s="124" t="s">
        <v>55</v>
      </c>
      <c r="B155" s="124"/>
      <c r="D155" s="72"/>
      <c r="E155" s="72"/>
      <c r="F155" s="2"/>
      <c r="G155" s="2"/>
      <c r="H155" s="2"/>
      <c r="I155" s="2"/>
      <c r="J155" s="2"/>
      <c r="K155" s="2"/>
      <c r="L155" s="2"/>
      <c r="M155" s="3"/>
      <c r="O155" s="3"/>
    </row>
    <row r="156" spans="1:15" s="10" customFormat="1" ht="15" x14ac:dyDescent="0.25">
      <c r="A156" s="4"/>
      <c r="B156" s="5" t="s">
        <v>56</v>
      </c>
      <c r="C156" s="6"/>
      <c r="D156" s="7"/>
      <c r="E156" s="7"/>
      <c r="F156" s="8"/>
      <c r="G156" s="8"/>
      <c r="H156" s="8"/>
      <c r="I156" s="8"/>
      <c r="J156" s="8"/>
      <c r="K156" s="8"/>
      <c r="L156" s="8"/>
      <c r="M156" s="9"/>
      <c r="O156" s="9"/>
    </row>
    <row r="157" spans="1:15" s="16" customFormat="1" ht="24" customHeight="1" x14ac:dyDescent="0.25"/>
    <row r="158" spans="1:15" s="16" customFormat="1" ht="24" customHeight="1" x14ac:dyDescent="0.25"/>
    <row r="159" spans="1:15" s="16" customFormat="1" ht="24" customHeight="1" x14ac:dyDescent="0.25"/>
    <row r="160" spans="1:15" s="16" customFormat="1" ht="20.100000000000001" customHeight="1" x14ac:dyDescent="0.25"/>
    <row r="161" spans="2:5" s="16" customFormat="1" ht="20.100000000000001" customHeight="1" x14ac:dyDescent="0.25"/>
    <row r="162" spans="2:5" s="16" customFormat="1" ht="50.1" customHeight="1" x14ac:dyDescent="0.25"/>
    <row r="163" spans="2:5" s="16" customFormat="1" ht="43.5" customHeight="1" x14ac:dyDescent="0.25"/>
    <row r="164" spans="2:5" ht="24.75" customHeight="1" x14ac:dyDescent="0.2">
      <c r="B164" s="16"/>
      <c r="C164" s="16"/>
      <c r="D164" s="16"/>
      <c r="E164" s="16"/>
    </row>
    <row r="165" spans="2:5" x14ac:dyDescent="0.2">
      <c r="B165" s="16"/>
      <c r="C165" s="16"/>
      <c r="D165" s="16"/>
      <c r="E165" s="16"/>
    </row>
    <row r="166" spans="2:5" ht="20.100000000000001" customHeight="1" x14ac:dyDescent="0.2"/>
    <row r="167" spans="2:5" ht="4.5" customHeight="1" x14ac:dyDescent="0.2"/>
    <row r="168" spans="2:5" ht="20.100000000000001" customHeight="1" x14ac:dyDescent="0.2"/>
    <row r="169" spans="2:5" ht="20.100000000000001" customHeight="1" x14ac:dyDescent="0.2"/>
    <row r="170" spans="2:5" ht="20.100000000000001" customHeight="1" x14ac:dyDescent="0.2"/>
  </sheetData>
  <sheetProtection algorithmName="SHA-512" hashValue="C8kPkYSEtUksXWux5vYJiYsNjnn0C7he34Qomr6/dNnEXOZDS+Zx1pgFxMhBNY11scMCmBJVMGNTX3NcrGlHag==" saltValue="RmArityWYix/NIWu2m0hDQ==" spinCount="100000" sheet="1" formatCells="0" formatColumns="0" formatRows="0" insertColumns="0" insertRows="0" insertHyperlinks="0" deleteColumns="0" deleteRows="0" selectLockedCells="1" sort="0" autoFilter="0" pivotTables="0"/>
  <mergeCells count="135">
    <mergeCell ref="E133:F133"/>
    <mergeCell ref="E61:F61"/>
    <mergeCell ref="E74:F74"/>
    <mergeCell ref="E75:F75"/>
    <mergeCell ref="E76:F76"/>
    <mergeCell ref="E77:F77"/>
    <mergeCell ref="E78:F78"/>
    <mergeCell ref="E79:F79"/>
    <mergeCell ref="E123:F123"/>
    <mergeCell ref="E124:F124"/>
    <mergeCell ref="E125:F125"/>
    <mergeCell ref="E122:F122"/>
    <mergeCell ref="E126:F126"/>
    <mergeCell ref="E127:F127"/>
    <mergeCell ref="E81:F81"/>
    <mergeCell ref="E82:F82"/>
    <mergeCell ref="D103:F103"/>
    <mergeCell ref="E104:F104"/>
    <mergeCell ref="E105:F105"/>
    <mergeCell ref="E117:F117"/>
    <mergeCell ref="E118:F118"/>
    <mergeCell ref="E120:F120"/>
    <mergeCell ref="E121:F121"/>
    <mergeCell ref="A155:B155"/>
    <mergeCell ref="B129:F129"/>
    <mergeCell ref="B131:C132"/>
    <mergeCell ref="D131:F131"/>
    <mergeCell ref="E132:F132"/>
    <mergeCell ref="E150:F150"/>
    <mergeCell ref="E152:F152"/>
    <mergeCell ref="E153:F153"/>
    <mergeCell ref="B147:F147"/>
    <mergeCell ref="B137:F137"/>
    <mergeCell ref="C138:F138"/>
    <mergeCell ref="B140:E140"/>
    <mergeCell ref="B146:F146"/>
    <mergeCell ref="C141:D141"/>
    <mergeCell ref="C142:D142"/>
    <mergeCell ref="C143:D143"/>
    <mergeCell ref="C139:F139"/>
    <mergeCell ref="C144:D144"/>
    <mergeCell ref="E135:F135"/>
    <mergeCell ref="E134:F134"/>
    <mergeCell ref="B40:F40"/>
    <mergeCell ref="E106:F106"/>
    <mergeCell ref="E115:F115"/>
    <mergeCell ref="E116:F116"/>
    <mergeCell ref="E111:F111"/>
    <mergeCell ref="E119:F119"/>
    <mergeCell ref="E107:F107"/>
    <mergeCell ref="E108:F108"/>
    <mergeCell ref="E109:F109"/>
    <mergeCell ref="E112:F112"/>
    <mergeCell ref="E113:F113"/>
    <mergeCell ref="E110:F110"/>
    <mergeCell ref="E114:F114"/>
    <mergeCell ref="E73:F73"/>
    <mergeCell ref="E71:F71"/>
    <mergeCell ref="E70:F70"/>
    <mergeCell ref="E69:F69"/>
    <mergeCell ref="E68:F68"/>
    <mergeCell ref="E67:F67"/>
    <mergeCell ref="B80:F80"/>
    <mergeCell ref="B101:F101"/>
    <mergeCell ref="E72:F72"/>
    <mergeCell ref="B103:C104"/>
    <mergeCell ref="E41:F41"/>
    <mergeCell ref="C28:D28"/>
    <mergeCell ref="B22:F22"/>
    <mergeCell ref="C27:D27"/>
    <mergeCell ref="C30:D30"/>
    <mergeCell ref="B36:F36"/>
    <mergeCell ref="B38:C39"/>
    <mergeCell ref="D38:F38"/>
    <mergeCell ref="E39:F39"/>
    <mergeCell ref="B32:C32"/>
    <mergeCell ref="C29:D29"/>
    <mergeCell ref="B2:F2"/>
    <mergeCell ref="B1:F1"/>
    <mergeCell ref="B23:C23"/>
    <mergeCell ref="B26:C26"/>
    <mergeCell ref="B16:D16"/>
    <mergeCell ref="B17:D17"/>
    <mergeCell ref="B18:F18"/>
    <mergeCell ref="B3:F3"/>
    <mergeCell ref="B7:F7"/>
    <mergeCell ref="B8:F8"/>
    <mergeCell ref="B9:F9"/>
    <mergeCell ref="B11:F11"/>
    <mergeCell ref="B13:D13"/>
    <mergeCell ref="B19:F19"/>
    <mergeCell ref="B20:D20"/>
    <mergeCell ref="B12:C12"/>
    <mergeCell ref="B21:F21"/>
    <mergeCell ref="E42:F42"/>
    <mergeCell ref="E43:F43"/>
    <mergeCell ref="E44:F44"/>
    <mergeCell ref="E45:F45"/>
    <mergeCell ref="E46:F46"/>
    <mergeCell ref="E47:F47"/>
    <mergeCell ref="E66:F66"/>
    <mergeCell ref="E64:F64"/>
    <mergeCell ref="E48:F48"/>
    <mergeCell ref="E55:F55"/>
    <mergeCell ref="E58:F58"/>
    <mergeCell ref="E59:F59"/>
    <mergeCell ref="E62:F62"/>
    <mergeCell ref="E63:F63"/>
    <mergeCell ref="E49:F49"/>
    <mergeCell ref="E56:F56"/>
    <mergeCell ref="E57:F57"/>
    <mergeCell ref="E50:F50"/>
    <mergeCell ref="E51:F51"/>
    <mergeCell ref="E52:F52"/>
    <mergeCell ref="E53:F53"/>
    <mergeCell ref="E54:F54"/>
    <mergeCell ref="E65:F65"/>
    <mergeCell ref="E92:F92"/>
    <mergeCell ref="E93:F93"/>
    <mergeCell ref="E94:F94"/>
    <mergeCell ref="E95:F95"/>
    <mergeCell ref="E96:F96"/>
    <mergeCell ref="E97:F97"/>
    <mergeCell ref="B60:F60"/>
    <mergeCell ref="E98:F98"/>
    <mergeCell ref="E99:F99"/>
    <mergeCell ref="E83:F83"/>
    <mergeCell ref="E84:F84"/>
    <mergeCell ref="E85:F85"/>
    <mergeCell ref="E86:F86"/>
    <mergeCell ref="E87:F87"/>
    <mergeCell ref="E88:F88"/>
    <mergeCell ref="E89:F89"/>
    <mergeCell ref="E90:F90"/>
    <mergeCell ref="E91:F91"/>
  </mergeCells>
  <conditionalFormatting sqref="D105:D109 D112:D116 D122:D124">
    <cfRule type="containsBlanks" dxfId="58" priority="290">
      <formula>LEN(TRIM(D105))=0</formula>
    </cfRule>
  </conditionalFormatting>
  <conditionalFormatting sqref="E152:F152">
    <cfRule type="containsBlanks" dxfId="57" priority="289">
      <formula>LEN(TRIM(E152))=0</formula>
    </cfRule>
  </conditionalFormatting>
  <conditionalFormatting sqref="C150">
    <cfRule type="containsBlanks" dxfId="56" priority="287">
      <formula>LEN(TRIM(C150))=0</formula>
    </cfRule>
  </conditionalFormatting>
  <conditionalFormatting sqref="E153:F153">
    <cfRule type="containsBlanks" dxfId="55" priority="288">
      <formula>LEN(TRIM(E153))=0</formula>
    </cfRule>
  </conditionalFormatting>
  <conditionalFormatting sqref="C152">
    <cfRule type="containsBlanks" dxfId="54" priority="286">
      <formula>LEN(TRIM(C152))=0</formula>
    </cfRule>
  </conditionalFormatting>
  <conditionalFormatting sqref="C4:C5">
    <cfRule type="containsBlanks" dxfId="53" priority="285">
      <formula>LEN(TRIM(C4))=0</formula>
    </cfRule>
  </conditionalFormatting>
  <conditionalFormatting sqref="D133">
    <cfRule type="containsBlanks" dxfId="52" priority="279">
      <formula>LEN(TRIM(D133))=0</formula>
    </cfRule>
  </conditionalFormatting>
  <conditionalFormatting sqref="C143:D143">
    <cfRule type="containsBlanks" dxfId="51" priority="275">
      <formula>LEN(TRIM(C143))=0</formula>
    </cfRule>
  </conditionalFormatting>
  <conditionalFormatting sqref="C142:D142">
    <cfRule type="containsBlanks" dxfId="50" priority="226">
      <formula>LEN(TRIM(C142))=0</formula>
    </cfRule>
  </conditionalFormatting>
  <conditionalFormatting sqref="C141:D141">
    <cfRule type="containsBlanks" dxfId="49" priority="225">
      <formula>LEN(TRIM(C141))=0</formula>
    </cfRule>
  </conditionalFormatting>
  <conditionalFormatting sqref="C144:D144">
    <cfRule type="containsBlanks" dxfId="48" priority="224">
      <formula>LEN(TRIM(C144))=0</formula>
    </cfRule>
  </conditionalFormatting>
  <conditionalFormatting sqref="D110:D111">
    <cfRule type="containsBlanks" dxfId="47" priority="204">
      <formula>LEN(TRIM(D110))=0</formula>
    </cfRule>
  </conditionalFormatting>
  <conditionalFormatting sqref="D125:D127">
    <cfRule type="containsBlanks" dxfId="46" priority="201">
      <formula>LEN(TRIM(D125))=0</formula>
    </cfRule>
  </conditionalFormatting>
  <conditionalFormatting sqref="D134:D135">
    <cfRule type="containsBlanks" dxfId="45" priority="200">
      <formula>LEN(TRIM(D134))=0</formula>
    </cfRule>
  </conditionalFormatting>
  <conditionalFormatting sqref="D118:D120">
    <cfRule type="containsBlanks" dxfId="44" priority="189">
      <formula>LEN(TRIM(D118))=0</formula>
    </cfRule>
  </conditionalFormatting>
  <conditionalFormatting sqref="D117">
    <cfRule type="containsBlanks" dxfId="43" priority="188">
      <formula>LEN(TRIM(D117))=0</formula>
    </cfRule>
  </conditionalFormatting>
  <conditionalFormatting sqref="D121">
    <cfRule type="containsBlanks" dxfId="42" priority="186">
      <formula>LEN(TRIM(D121))=0</formula>
    </cfRule>
  </conditionalFormatting>
  <conditionalFormatting sqref="D48">
    <cfRule type="containsBlanks" dxfId="41" priority="135">
      <formula>LEN(TRIM(D48))=0</formula>
    </cfRule>
  </conditionalFormatting>
  <conditionalFormatting sqref="D55 D58">
    <cfRule type="containsBlanks" dxfId="40" priority="126">
      <formula>LEN(TRIM(D55))=0</formula>
    </cfRule>
  </conditionalFormatting>
  <conditionalFormatting sqref="D59">
    <cfRule type="containsBlanks" dxfId="39" priority="125">
      <formula>LEN(TRIM(D59))=0</formula>
    </cfRule>
  </conditionalFormatting>
  <conditionalFormatting sqref="D41">
    <cfRule type="containsBlanks" dxfId="38" priority="39">
      <formula>LEN(TRIM(D41))=0</formula>
    </cfRule>
  </conditionalFormatting>
  <conditionalFormatting sqref="D42:D43">
    <cfRule type="containsBlanks" dxfId="37" priority="38">
      <formula>LEN(TRIM(D42))=0</formula>
    </cfRule>
  </conditionalFormatting>
  <conditionalFormatting sqref="D44">
    <cfRule type="containsBlanks" dxfId="36" priority="37">
      <formula>LEN(TRIM(D44))=0</formula>
    </cfRule>
  </conditionalFormatting>
  <conditionalFormatting sqref="D45">
    <cfRule type="containsBlanks" dxfId="35" priority="36">
      <formula>LEN(TRIM(D45))=0</formula>
    </cfRule>
  </conditionalFormatting>
  <conditionalFormatting sqref="D46:D47">
    <cfRule type="containsBlanks" dxfId="34" priority="35">
      <formula>LEN(TRIM(D46))=0</formula>
    </cfRule>
  </conditionalFormatting>
  <conditionalFormatting sqref="D49:D50">
    <cfRule type="containsBlanks" dxfId="33" priority="34">
      <formula>LEN(TRIM(D49))=0</formula>
    </cfRule>
  </conditionalFormatting>
  <conditionalFormatting sqref="D51">
    <cfRule type="containsBlanks" dxfId="32" priority="33">
      <formula>LEN(TRIM(D51))=0</formula>
    </cfRule>
  </conditionalFormatting>
  <conditionalFormatting sqref="D52">
    <cfRule type="containsBlanks" dxfId="31" priority="32">
      <formula>LEN(TRIM(D52))=0</formula>
    </cfRule>
  </conditionalFormatting>
  <conditionalFormatting sqref="D53:D54">
    <cfRule type="containsBlanks" dxfId="30" priority="31">
      <formula>LEN(TRIM(D53))=0</formula>
    </cfRule>
  </conditionalFormatting>
  <conditionalFormatting sqref="D56">
    <cfRule type="containsBlanks" dxfId="29" priority="30">
      <formula>LEN(TRIM(D56))=0</formula>
    </cfRule>
  </conditionalFormatting>
  <conditionalFormatting sqref="D57">
    <cfRule type="containsBlanks" dxfId="28" priority="29">
      <formula>LEN(TRIM(D57))=0</formula>
    </cfRule>
  </conditionalFormatting>
  <conditionalFormatting sqref="D68">
    <cfRule type="containsBlanks" dxfId="27" priority="28">
      <formula>LEN(TRIM(D68))=0</formula>
    </cfRule>
  </conditionalFormatting>
  <conditionalFormatting sqref="D75 D78">
    <cfRule type="containsBlanks" dxfId="26" priority="27">
      <formula>LEN(TRIM(D75))=0</formula>
    </cfRule>
  </conditionalFormatting>
  <conditionalFormatting sqref="D79">
    <cfRule type="containsBlanks" dxfId="25" priority="26">
      <formula>LEN(TRIM(D79))=0</formula>
    </cfRule>
  </conditionalFormatting>
  <conditionalFormatting sqref="D61">
    <cfRule type="containsBlanks" dxfId="24" priority="25">
      <formula>LEN(TRIM(D61))=0</formula>
    </cfRule>
  </conditionalFormatting>
  <conditionalFormatting sqref="D62:D63">
    <cfRule type="containsBlanks" dxfId="23" priority="24">
      <formula>LEN(TRIM(D62))=0</formula>
    </cfRule>
  </conditionalFormatting>
  <conditionalFormatting sqref="D64">
    <cfRule type="containsBlanks" dxfId="22" priority="23">
      <formula>LEN(TRIM(D64))=0</formula>
    </cfRule>
  </conditionalFormatting>
  <conditionalFormatting sqref="D65">
    <cfRule type="containsBlanks" dxfId="21" priority="22">
      <formula>LEN(TRIM(D65))=0</formula>
    </cfRule>
  </conditionalFormatting>
  <conditionalFormatting sqref="D66:D67">
    <cfRule type="containsBlanks" dxfId="20" priority="21">
      <formula>LEN(TRIM(D66))=0</formula>
    </cfRule>
  </conditionalFormatting>
  <conditionalFormatting sqref="D69:D70">
    <cfRule type="containsBlanks" dxfId="19" priority="20">
      <formula>LEN(TRIM(D69))=0</formula>
    </cfRule>
  </conditionalFormatting>
  <conditionalFormatting sqref="D71">
    <cfRule type="containsBlanks" dxfId="18" priority="19">
      <formula>LEN(TRIM(D71))=0</formula>
    </cfRule>
  </conditionalFormatting>
  <conditionalFormatting sqref="D72">
    <cfRule type="containsBlanks" dxfId="17" priority="18">
      <formula>LEN(TRIM(D72))=0</formula>
    </cfRule>
  </conditionalFormatting>
  <conditionalFormatting sqref="D73:D74">
    <cfRule type="containsBlanks" dxfId="16" priority="17">
      <formula>LEN(TRIM(D73))=0</formula>
    </cfRule>
  </conditionalFormatting>
  <conditionalFormatting sqref="D76">
    <cfRule type="containsBlanks" dxfId="15" priority="16">
      <formula>LEN(TRIM(D76))=0</formula>
    </cfRule>
  </conditionalFormatting>
  <conditionalFormatting sqref="D77">
    <cfRule type="containsBlanks" dxfId="14" priority="15">
      <formula>LEN(TRIM(D77))=0</formula>
    </cfRule>
  </conditionalFormatting>
  <conditionalFormatting sqref="D88">
    <cfRule type="containsBlanks" dxfId="13" priority="14">
      <formula>LEN(TRIM(D88))=0</formula>
    </cfRule>
  </conditionalFormatting>
  <conditionalFormatting sqref="D95 D98">
    <cfRule type="containsBlanks" dxfId="12" priority="13">
      <formula>LEN(TRIM(D95))=0</formula>
    </cfRule>
  </conditionalFormatting>
  <conditionalFormatting sqref="D99">
    <cfRule type="containsBlanks" dxfId="11" priority="12">
      <formula>LEN(TRIM(D99))=0</formula>
    </cfRule>
  </conditionalFormatting>
  <conditionalFormatting sqref="D81">
    <cfRule type="containsBlanks" dxfId="10" priority="11">
      <formula>LEN(TRIM(D81))=0</formula>
    </cfRule>
  </conditionalFormatting>
  <conditionalFormatting sqref="D82:D83">
    <cfRule type="containsBlanks" dxfId="9" priority="10">
      <formula>LEN(TRIM(D82))=0</formula>
    </cfRule>
  </conditionalFormatting>
  <conditionalFormatting sqref="D84">
    <cfRule type="containsBlanks" dxfId="8" priority="9">
      <formula>LEN(TRIM(D84))=0</formula>
    </cfRule>
  </conditionalFormatting>
  <conditionalFormatting sqref="D85">
    <cfRule type="containsBlanks" dxfId="7" priority="8">
      <formula>LEN(TRIM(D85))=0</formula>
    </cfRule>
  </conditionalFormatting>
  <conditionalFormatting sqref="D86:D87">
    <cfRule type="containsBlanks" dxfId="6" priority="7">
      <formula>LEN(TRIM(D86))=0</formula>
    </cfRule>
  </conditionalFormatting>
  <conditionalFormatting sqref="D89:D90">
    <cfRule type="containsBlanks" dxfId="5" priority="6">
      <formula>LEN(TRIM(D89))=0</formula>
    </cfRule>
  </conditionalFormatting>
  <conditionalFormatting sqref="D91">
    <cfRule type="containsBlanks" dxfId="4" priority="5">
      <formula>LEN(TRIM(D91))=0</formula>
    </cfRule>
  </conditionalFormatting>
  <conditionalFormatting sqref="D92">
    <cfRule type="containsBlanks" dxfId="3" priority="4">
      <formula>LEN(TRIM(D92))=0</formula>
    </cfRule>
  </conditionalFormatting>
  <conditionalFormatting sqref="D93:D94">
    <cfRule type="containsBlanks" dxfId="2" priority="3">
      <formula>LEN(TRIM(D93))=0</formula>
    </cfRule>
  </conditionalFormatting>
  <conditionalFormatting sqref="D96">
    <cfRule type="containsBlanks" dxfId="1" priority="2">
      <formula>LEN(TRIM(D96))=0</formula>
    </cfRule>
  </conditionalFormatting>
  <conditionalFormatting sqref="D97">
    <cfRule type="containsBlanks" dxfId="0" priority="1">
      <formula>LEN(TRIM(D97))=0</formula>
    </cfRule>
  </conditionalFormatting>
  <printOptions horizontalCentered="1"/>
  <pageMargins left="0.70866141732283472" right="0.70866141732283472" top="0.9055118110236221" bottom="0.74803149606299213" header="0.31496062992125984" footer="0.31496062992125984"/>
  <pageSetup paperSize="9" scale="62"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5-21T09:01:34Z</cp:lastPrinted>
  <dcterms:created xsi:type="dcterms:W3CDTF">2017-04-21T05:51:15Z</dcterms:created>
  <dcterms:modified xsi:type="dcterms:W3CDTF">2024-05-21T09:05:37Z</dcterms:modified>
</cp:coreProperties>
</file>